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227"/>
  <workbookPr/>
  <mc:AlternateContent xmlns:mc="http://schemas.openxmlformats.org/markup-compatibility/2006">
    <mc:Choice Requires="x15">
      <x15ac:absPath xmlns:x15ac="http://schemas.microsoft.com/office/spreadsheetml/2010/11/ac" url="C:\Users\s162312\Desktop\新しいフォルダー\"/>
    </mc:Choice>
  </mc:AlternateContent>
  <xr:revisionPtr revIDLastSave="0" documentId="13_ncr:1_{55670089-2D7C-46B4-96EF-82D9CC473739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志望理由書の提出が必要な国公立大学" sheetId="1" r:id="rId1"/>
  </sheets>
  <definedNames>
    <definedName name="_xlnm._FilterDatabase" localSheetId="0" hidden="1">志望理由書の提出が必要な国公立大学!$A$6:$H$146</definedName>
    <definedName name="_xlnm.Print_Area" localSheetId="0">志望理由書の提出が必要な国公立大学!$B$1:$H$150</definedName>
    <definedName name="_xlnm.Print_Titles" localSheetId="0">志望理由書の提出が必要な国公立大学!$6:$6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00" uniqueCount="357">
  <si>
    <t>一般選抜において、志望理由書・自己推薦書等、出願者本人が作成する資料が必要な大学についてまとめました（12月20日現在、河合塾調べ）。</t>
    <rPh sb="0" eb="2">
      <t>イッパン</t>
    </rPh>
    <rPh sb="2" eb="4">
      <t>センバツ</t>
    </rPh>
    <rPh sb="9" eb="11">
      <t>シボウ</t>
    </rPh>
    <rPh sb="11" eb="14">
      <t>リユウショ</t>
    </rPh>
    <rPh sb="15" eb="17">
      <t>ジコ</t>
    </rPh>
    <rPh sb="17" eb="19">
      <t>スイセン</t>
    </rPh>
    <rPh sb="19" eb="20">
      <t>ショ</t>
    </rPh>
    <rPh sb="20" eb="21">
      <t>トウ</t>
    </rPh>
    <rPh sb="22" eb="25">
      <t>シュツガンシャ</t>
    </rPh>
    <rPh sb="25" eb="27">
      <t>ホンニン</t>
    </rPh>
    <rPh sb="28" eb="30">
      <t>サクセイ</t>
    </rPh>
    <rPh sb="32" eb="34">
      <t>シリョウ</t>
    </rPh>
    <rPh sb="35" eb="37">
      <t>ヒツヨウ</t>
    </rPh>
    <rPh sb="38" eb="40">
      <t>ダイガク</t>
    </rPh>
    <rPh sb="53" eb="54">
      <t>ガツ</t>
    </rPh>
    <rPh sb="56" eb="57">
      <t>ニチ</t>
    </rPh>
    <rPh sb="57" eb="59">
      <t>ゲンザイ</t>
    </rPh>
    <rPh sb="60" eb="63">
      <t>カワイジュク</t>
    </rPh>
    <rPh sb="63" eb="64">
      <t>シラ</t>
    </rPh>
    <phoneticPr fontId="3"/>
  </si>
  <si>
    <t>掲載内容は変更の可能性もありますので、詳細は必ず各大学の学生募集要項にてご確認ください。</t>
    <rPh sb="0" eb="2">
      <t>ケイサイ</t>
    </rPh>
    <rPh sb="2" eb="4">
      <t>ナイヨウ</t>
    </rPh>
    <rPh sb="5" eb="7">
      <t>ヘンコウ</t>
    </rPh>
    <rPh sb="8" eb="11">
      <t>カノウセイ</t>
    </rPh>
    <rPh sb="19" eb="21">
      <t>ショウサイ</t>
    </rPh>
    <rPh sb="22" eb="23">
      <t>カナラ</t>
    </rPh>
    <rPh sb="24" eb="27">
      <t>カクダイガク</t>
    </rPh>
    <rPh sb="28" eb="30">
      <t>ガクセイ</t>
    </rPh>
    <rPh sb="30" eb="32">
      <t>ボシュウ</t>
    </rPh>
    <rPh sb="32" eb="34">
      <t>ヨウコウ</t>
    </rPh>
    <rPh sb="37" eb="39">
      <t>カクニン</t>
    </rPh>
    <phoneticPr fontId="3"/>
  </si>
  <si>
    <t>大学CD</t>
    <phoneticPr fontId="4"/>
  </si>
  <si>
    <t>大学</t>
    <phoneticPr fontId="4"/>
  </si>
  <si>
    <t>学部（学科）</t>
    <rPh sb="0" eb="2">
      <t>ガクブ</t>
    </rPh>
    <rPh sb="3" eb="5">
      <t>ガッカ</t>
    </rPh>
    <phoneticPr fontId="3"/>
  </si>
  <si>
    <t>日程</t>
    <rPh sb="0" eb="2">
      <t>ニッテイ</t>
    </rPh>
    <phoneticPr fontId="3"/>
  </si>
  <si>
    <t>志望理由書</t>
    <rPh sb="0" eb="2">
      <t>シボウ</t>
    </rPh>
    <rPh sb="2" eb="5">
      <t>リユウショ</t>
    </rPh>
    <phoneticPr fontId="3"/>
  </si>
  <si>
    <t>活動報告書</t>
    <rPh sb="0" eb="2">
      <t>カツドウ</t>
    </rPh>
    <rPh sb="2" eb="5">
      <t>ホウコクショ</t>
    </rPh>
    <phoneticPr fontId="3"/>
  </si>
  <si>
    <t>その他</t>
    <rPh sb="2" eb="3">
      <t>タ</t>
    </rPh>
    <phoneticPr fontId="3"/>
  </si>
  <si>
    <t>補足</t>
    <rPh sb="0" eb="2">
      <t>ホソク</t>
    </rPh>
    <phoneticPr fontId="3"/>
  </si>
  <si>
    <t>旭川医科</t>
  </si>
  <si>
    <t>医</t>
    <rPh sb="0" eb="1">
      <t>イ</t>
    </rPh>
    <phoneticPr fontId="3"/>
  </si>
  <si>
    <t>前・後</t>
    <rPh sb="0" eb="1">
      <t>マエ</t>
    </rPh>
    <rPh sb="2" eb="3">
      <t>コウ</t>
    </rPh>
    <phoneticPr fontId="3"/>
  </si>
  <si>
    <t>●</t>
  </si>
  <si>
    <t>自己評価書</t>
    <rPh sb="0" eb="2">
      <t>ジコ</t>
    </rPh>
    <rPh sb="2" eb="4">
      <t>ヒョウカ</t>
    </rPh>
    <rPh sb="4" eb="5">
      <t>ショ</t>
    </rPh>
    <phoneticPr fontId="3"/>
  </si>
  <si>
    <t>小樽商科</t>
  </si>
  <si>
    <t>商（昼間）</t>
    <rPh sb="2" eb="4">
      <t>ヒルマ</t>
    </rPh>
    <phoneticPr fontId="3"/>
  </si>
  <si>
    <t>後</t>
    <rPh sb="0" eb="1">
      <t>アト</t>
    </rPh>
    <phoneticPr fontId="3"/>
  </si>
  <si>
    <t>札幌市立</t>
  </si>
  <si>
    <t>看護</t>
  </si>
  <si>
    <t>前</t>
    <rPh sb="0" eb="1">
      <t>マエ</t>
    </rPh>
    <phoneticPr fontId="3"/>
  </si>
  <si>
    <t>名寄市立</t>
  </si>
  <si>
    <t>保健福祉</t>
  </si>
  <si>
    <t>前・後</t>
    <rPh sb="0" eb="1">
      <t>マエ</t>
    </rPh>
    <rPh sb="2" eb="3">
      <t>コウ</t>
    </rPh>
    <phoneticPr fontId="7"/>
  </si>
  <si>
    <t>北海道教育</t>
  </si>
  <si>
    <t>教育札幌校、教育旭川校、教育釧路校</t>
    <rPh sb="0" eb="2">
      <t>キョウイク</t>
    </rPh>
    <rPh sb="2" eb="4">
      <t>サッポロ</t>
    </rPh>
    <rPh sb="4" eb="5">
      <t>コウ</t>
    </rPh>
    <rPh sb="6" eb="8">
      <t>キョウイク</t>
    </rPh>
    <rPh sb="8" eb="10">
      <t>アサヒカワ</t>
    </rPh>
    <rPh sb="10" eb="11">
      <t>コウ</t>
    </rPh>
    <rPh sb="12" eb="14">
      <t>キョウイク</t>
    </rPh>
    <rPh sb="14" eb="16">
      <t>クシロ</t>
    </rPh>
    <rPh sb="16" eb="17">
      <t>コウ</t>
    </rPh>
    <phoneticPr fontId="4"/>
  </si>
  <si>
    <t>学びの履歴
志望理由書：800字</t>
    <rPh sb="0" eb="1">
      <t>マナ</t>
    </rPh>
    <rPh sb="3" eb="5">
      <t>リレキ</t>
    </rPh>
    <rPh sb="6" eb="8">
      <t>シボウ</t>
    </rPh>
    <rPh sb="8" eb="11">
      <t>リユウショ</t>
    </rPh>
    <rPh sb="15" eb="16">
      <t>ジ</t>
    </rPh>
    <phoneticPr fontId="3"/>
  </si>
  <si>
    <t>教育函館校（国際－地域教育）</t>
    <rPh sb="0" eb="2">
      <t>キョウイク</t>
    </rPh>
    <rPh sb="2" eb="4">
      <t>ハコダテ</t>
    </rPh>
    <rPh sb="4" eb="5">
      <t>コウ</t>
    </rPh>
    <rPh sb="6" eb="8">
      <t>コクサイ</t>
    </rPh>
    <rPh sb="9" eb="11">
      <t>チイキ</t>
    </rPh>
    <rPh sb="11" eb="13">
      <t>キョウイク</t>
    </rPh>
    <phoneticPr fontId="3"/>
  </si>
  <si>
    <t>教育岩見沢校（芸術－芸術･スポーツビジネス）</t>
  </si>
  <si>
    <t>後</t>
  </si>
  <si>
    <t>教育岩見沢校（芸術－音楽文化・美術文化）</t>
    <rPh sb="0" eb="2">
      <t>キョウイク</t>
    </rPh>
    <rPh sb="10" eb="12">
      <t>オンガク</t>
    </rPh>
    <rPh sb="12" eb="14">
      <t>ブンカ</t>
    </rPh>
    <rPh sb="15" eb="17">
      <t>ビジュツ</t>
    </rPh>
    <rPh sb="17" eb="19">
      <t>ブンカ</t>
    </rPh>
    <phoneticPr fontId="4"/>
  </si>
  <si>
    <t>面接のための資料</t>
    <rPh sb="0" eb="2">
      <t>メンセツ</t>
    </rPh>
    <rPh sb="6" eb="8">
      <t>シリョウ</t>
    </rPh>
    <phoneticPr fontId="2"/>
  </si>
  <si>
    <t>教育岩見沢校（芸術－アウトドア･ライフ）</t>
    <rPh sb="0" eb="2">
      <t>キョウイク</t>
    </rPh>
    <phoneticPr fontId="4"/>
  </si>
  <si>
    <t>前・後</t>
    <rPh sb="0" eb="1">
      <t>ゼン</t>
    </rPh>
    <phoneticPr fontId="3"/>
  </si>
  <si>
    <t>自然体験活動、野外教育、環境教育、アウトドア活動に関する活動歴</t>
    <rPh sb="0" eb="2">
      <t>シゼン</t>
    </rPh>
    <rPh sb="2" eb="4">
      <t>タイケン</t>
    </rPh>
    <rPh sb="4" eb="6">
      <t>カツドウ</t>
    </rPh>
    <rPh sb="7" eb="9">
      <t>ヤガイ</t>
    </rPh>
    <rPh sb="9" eb="11">
      <t>キョウイク</t>
    </rPh>
    <rPh sb="12" eb="14">
      <t>カンキョウ</t>
    </rPh>
    <rPh sb="14" eb="16">
      <t>キョウイク</t>
    </rPh>
    <rPh sb="22" eb="24">
      <t>カツドウ</t>
    </rPh>
    <rPh sb="25" eb="26">
      <t>カン</t>
    </rPh>
    <rPh sb="28" eb="30">
      <t>カツドウ</t>
    </rPh>
    <rPh sb="30" eb="31">
      <t>レキ</t>
    </rPh>
    <phoneticPr fontId="3"/>
  </si>
  <si>
    <t>弘前</t>
  </si>
  <si>
    <t>医（医、心理支援科学）</t>
    <rPh sb="0" eb="1">
      <t>イ</t>
    </rPh>
    <rPh sb="2" eb="3">
      <t>イ</t>
    </rPh>
    <rPh sb="4" eb="6">
      <t>シンリ</t>
    </rPh>
    <rPh sb="6" eb="8">
      <t>シエン</t>
    </rPh>
    <rPh sb="8" eb="10">
      <t>カガク</t>
    </rPh>
    <phoneticPr fontId="4"/>
  </si>
  <si>
    <t>前</t>
    <rPh sb="0" eb="1">
      <t>ゼン</t>
    </rPh>
    <phoneticPr fontId="4"/>
  </si>
  <si>
    <t>医：800～1000字、心理支援科学：各項目300字</t>
    <rPh sb="0" eb="1">
      <t>イ</t>
    </rPh>
    <rPh sb="10" eb="11">
      <t>ジ</t>
    </rPh>
    <rPh sb="12" eb="14">
      <t>シンリ</t>
    </rPh>
    <rPh sb="14" eb="16">
      <t>シエン</t>
    </rPh>
    <rPh sb="16" eb="17">
      <t>カ</t>
    </rPh>
    <rPh sb="19" eb="20">
      <t>カク</t>
    </rPh>
    <rPh sb="20" eb="22">
      <t>コウモク</t>
    </rPh>
    <phoneticPr fontId="3"/>
  </si>
  <si>
    <t>岩手</t>
  </si>
  <si>
    <t>教育（中学－保健体育を除く）</t>
    <rPh sb="11" eb="12">
      <t>ノゾ</t>
    </rPh>
    <phoneticPr fontId="3"/>
  </si>
  <si>
    <t>前</t>
    <rPh sb="0" eb="1">
      <t>マエ</t>
    </rPh>
    <phoneticPr fontId="7"/>
  </si>
  <si>
    <t>志願者評価書</t>
    <rPh sb="0" eb="3">
      <t>シガンシャ</t>
    </rPh>
    <rPh sb="3" eb="6">
      <t>ヒョウカショ</t>
    </rPh>
    <phoneticPr fontId="7"/>
  </si>
  <si>
    <t>教育（中学－保健体育）</t>
  </si>
  <si>
    <t>志願者評価書、運動歴調査書</t>
    <rPh sb="7" eb="9">
      <t>ウンドウ</t>
    </rPh>
    <rPh sb="9" eb="10">
      <t>レキ</t>
    </rPh>
    <rPh sb="10" eb="13">
      <t>チョウサショ</t>
    </rPh>
    <phoneticPr fontId="7"/>
  </si>
  <si>
    <t>岩手</t>
    <rPh sb="0" eb="2">
      <t>イワテ</t>
    </rPh>
    <phoneticPr fontId="3"/>
  </si>
  <si>
    <t>農、獣医</t>
    <rPh sb="0" eb="1">
      <t>ノウ</t>
    </rPh>
    <rPh sb="2" eb="4">
      <t>ジュウイ</t>
    </rPh>
    <phoneticPr fontId="3"/>
  </si>
  <si>
    <t>当日記入</t>
    <rPh sb="0" eb="2">
      <t>トウジツ</t>
    </rPh>
    <rPh sb="2" eb="4">
      <t>キニュウ</t>
    </rPh>
    <phoneticPr fontId="3"/>
  </si>
  <si>
    <t>岩手県立</t>
  </si>
  <si>
    <t>社会福祉</t>
    <rPh sb="0" eb="2">
      <t>シャカイ</t>
    </rPh>
    <rPh sb="2" eb="4">
      <t>フクシ</t>
    </rPh>
    <phoneticPr fontId="8"/>
  </si>
  <si>
    <t>後</t>
    <rPh sb="0" eb="1">
      <t>アト</t>
    </rPh>
    <phoneticPr fontId="4"/>
  </si>
  <si>
    <t>総合政策</t>
    <rPh sb="0" eb="2">
      <t>ソウゴウ</t>
    </rPh>
    <rPh sb="2" eb="4">
      <t>セイサク</t>
    </rPh>
    <phoneticPr fontId="8"/>
  </si>
  <si>
    <t>前・後</t>
    <rPh sb="0" eb="1">
      <t>ゼン</t>
    </rPh>
    <rPh sb="2" eb="3">
      <t>ゴ</t>
    </rPh>
    <phoneticPr fontId="4"/>
  </si>
  <si>
    <t>宮城</t>
  </si>
  <si>
    <t>事業構想、食産業</t>
    <rPh sb="0" eb="2">
      <t>ジギョウ</t>
    </rPh>
    <rPh sb="2" eb="4">
      <t>コウソウ</t>
    </rPh>
    <rPh sb="5" eb="6">
      <t>ショク</t>
    </rPh>
    <rPh sb="6" eb="8">
      <t>サンギョウ</t>
    </rPh>
    <phoneticPr fontId="8"/>
  </si>
  <si>
    <t>前・後</t>
    <rPh sb="0" eb="1">
      <t>ゼン</t>
    </rPh>
    <rPh sb="2" eb="3">
      <t>ノチ</t>
    </rPh>
    <phoneticPr fontId="4"/>
  </si>
  <si>
    <t>看護</t>
    <rPh sb="0" eb="2">
      <t>カンゴ</t>
    </rPh>
    <phoneticPr fontId="8"/>
  </si>
  <si>
    <t>自己申告書</t>
  </si>
  <si>
    <t>宮城教育</t>
    <rPh sb="2" eb="4">
      <t>キョウイク</t>
    </rPh>
    <phoneticPr fontId="3"/>
  </si>
  <si>
    <t>教育</t>
    <rPh sb="0" eb="2">
      <t>キョウイク</t>
    </rPh>
    <phoneticPr fontId="3"/>
  </si>
  <si>
    <t>後</t>
    <rPh sb="0" eb="1">
      <t>ウシ</t>
    </rPh>
    <phoneticPr fontId="3"/>
  </si>
  <si>
    <t>600字</t>
    <rPh sb="3" eb="4">
      <t>ジ</t>
    </rPh>
    <phoneticPr fontId="2"/>
  </si>
  <si>
    <t>秋田</t>
  </si>
  <si>
    <t>教育文化（学校－初等中等教育（一般型）－音楽・美術・体育選択）</t>
    <rPh sb="0" eb="2">
      <t>キョウイク</t>
    </rPh>
    <rPh sb="2" eb="4">
      <t>ブンカ</t>
    </rPh>
    <rPh sb="5" eb="7">
      <t>ガッコウ</t>
    </rPh>
    <rPh sb="8" eb="10">
      <t>ショトウ</t>
    </rPh>
    <rPh sb="10" eb="12">
      <t>チュウトウ</t>
    </rPh>
    <rPh sb="12" eb="14">
      <t>キョウイク</t>
    </rPh>
    <rPh sb="15" eb="18">
      <t>イッパンガタ</t>
    </rPh>
    <rPh sb="20" eb="22">
      <t>オンガク</t>
    </rPh>
    <rPh sb="23" eb="25">
      <t>ビジュツ</t>
    </rPh>
    <rPh sb="26" eb="28">
      <t>タイイク</t>
    </rPh>
    <rPh sb="28" eb="30">
      <t>センタク</t>
    </rPh>
    <phoneticPr fontId="3"/>
  </si>
  <si>
    <t>実技検査調書、（体育選択のみ）スポーツ活動の調書</t>
    <rPh sb="0" eb="2">
      <t>ジツギ</t>
    </rPh>
    <rPh sb="2" eb="4">
      <t>ケンサ</t>
    </rPh>
    <rPh sb="4" eb="6">
      <t>チョウショ</t>
    </rPh>
    <rPh sb="8" eb="10">
      <t>タイイク</t>
    </rPh>
    <rPh sb="10" eb="12">
      <t>センタク</t>
    </rPh>
    <rPh sb="19" eb="21">
      <t>カツドウ</t>
    </rPh>
    <rPh sb="22" eb="24">
      <t>チョウショ</t>
    </rPh>
    <phoneticPr fontId="3"/>
  </si>
  <si>
    <t>東北農林専門職</t>
    <rPh sb="0" eb="2">
      <t>トウホク</t>
    </rPh>
    <rPh sb="2" eb="4">
      <t>ノウリン</t>
    </rPh>
    <rPh sb="4" eb="6">
      <t>センモン</t>
    </rPh>
    <rPh sb="6" eb="7">
      <t>ショク</t>
    </rPh>
    <phoneticPr fontId="2"/>
  </si>
  <si>
    <t>農林業経営</t>
    <rPh sb="0" eb="3">
      <t>ノウリンギョウ</t>
    </rPh>
    <rPh sb="3" eb="5">
      <t>ケイエイ</t>
    </rPh>
    <phoneticPr fontId="2"/>
  </si>
  <si>
    <t>前</t>
    <rPh sb="0" eb="1">
      <t>マエ</t>
    </rPh>
    <phoneticPr fontId="2"/>
  </si>
  <si>
    <t>山形</t>
    <rPh sb="0" eb="2">
      <t>ヤマガタ</t>
    </rPh>
    <phoneticPr fontId="2"/>
  </si>
  <si>
    <t>医（医－地域枠）</t>
    <rPh sb="0" eb="1">
      <t>イ</t>
    </rPh>
    <rPh sb="2" eb="3">
      <t>イ</t>
    </rPh>
    <rPh sb="4" eb="7">
      <t>チイキワク</t>
    </rPh>
    <phoneticPr fontId="2"/>
  </si>
  <si>
    <t>400字</t>
  </si>
  <si>
    <t>茨城</t>
    <rPh sb="0" eb="2">
      <t>イバラキ</t>
    </rPh>
    <phoneticPr fontId="3"/>
  </si>
  <si>
    <t>人文社会科学、理、工、農</t>
    <rPh sb="0" eb="2">
      <t>ジンブン</t>
    </rPh>
    <rPh sb="2" eb="4">
      <t>シャカイ</t>
    </rPh>
    <rPh sb="4" eb="6">
      <t>カガク</t>
    </rPh>
    <rPh sb="7" eb="8">
      <t>リ</t>
    </rPh>
    <rPh sb="9" eb="10">
      <t>コウ</t>
    </rPh>
    <rPh sb="11" eb="12">
      <t>ノウ</t>
    </rPh>
    <phoneticPr fontId="3"/>
  </si>
  <si>
    <t>チェックシート（主体性評価）</t>
    <rPh sb="8" eb="10">
      <t>シュタイ</t>
    </rPh>
    <rPh sb="10" eb="11">
      <t>セイ</t>
    </rPh>
    <rPh sb="11" eb="13">
      <t>ヒョウカ</t>
    </rPh>
    <phoneticPr fontId="2"/>
  </si>
  <si>
    <t>茨城</t>
  </si>
  <si>
    <t>教育（学校－保健体育）</t>
  </si>
  <si>
    <t>運動特技に関する調書</t>
    <rPh sb="0" eb="2">
      <t>ウンドウ</t>
    </rPh>
    <rPh sb="2" eb="4">
      <t>トクギ</t>
    </rPh>
    <rPh sb="5" eb="6">
      <t>カン</t>
    </rPh>
    <rPh sb="8" eb="10">
      <t>チョウショ</t>
    </rPh>
    <phoneticPr fontId="7"/>
  </si>
  <si>
    <t>教育（学校－家庭）</t>
    <rPh sb="0" eb="2">
      <t>キョウイク</t>
    </rPh>
    <rPh sb="3" eb="5">
      <t>ガッコウ</t>
    </rPh>
    <rPh sb="6" eb="8">
      <t>カテイ</t>
    </rPh>
    <phoneticPr fontId="2"/>
  </si>
  <si>
    <t>調査・研究活動に関する報告書</t>
    <rPh sb="0" eb="2">
      <t>チョウサ</t>
    </rPh>
    <rPh sb="3" eb="7">
      <t>ケンキュウカツドウ</t>
    </rPh>
    <rPh sb="8" eb="9">
      <t>カン</t>
    </rPh>
    <rPh sb="11" eb="14">
      <t>ホウコクショ</t>
    </rPh>
    <phoneticPr fontId="2"/>
  </si>
  <si>
    <t>筑波</t>
  </si>
  <si>
    <t>生命環境（生物資源、地球）</t>
    <rPh sb="0" eb="2">
      <t>セイメイ</t>
    </rPh>
    <rPh sb="2" eb="4">
      <t>カンキョウ</t>
    </rPh>
    <rPh sb="5" eb="7">
      <t>セイブツ</t>
    </rPh>
    <rPh sb="7" eb="9">
      <t>シゲン</t>
    </rPh>
    <rPh sb="10" eb="12">
      <t>チキュウ</t>
    </rPh>
    <phoneticPr fontId="4"/>
  </si>
  <si>
    <t>600字</t>
  </si>
  <si>
    <t>医（医－地域枠）</t>
    <rPh sb="0" eb="1">
      <t>イ</t>
    </rPh>
    <rPh sb="2" eb="3">
      <t>イ</t>
    </rPh>
    <rPh sb="4" eb="6">
      <t>チイキ</t>
    </rPh>
    <rPh sb="6" eb="7">
      <t>ワク</t>
    </rPh>
    <phoneticPr fontId="8"/>
  </si>
  <si>
    <t>筑波技術</t>
  </si>
  <si>
    <t>全学部（共生社会創成－共生社会創成－聴覚障害コースを除く）</t>
    <rPh sb="0" eb="3">
      <t>ゼンガクブ</t>
    </rPh>
    <rPh sb="4" eb="8">
      <t>キョウセイシャカイ</t>
    </rPh>
    <rPh sb="8" eb="10">
      <t>ソウセイ</t>
    </rPh>
    <rPh sb="11" eb="13">
      <t>キョウセイ</t>
    </rPh>
    <rPh sb="13" eb="15">
      <t>シャカイ</t>
    </rPh>
    <rPh sb="15" eb="17">
      <t>ソウセイ</t>
    </rPh>
    <rPh sb="18" eb="20">
      <t>チョウカク</t>
    </rPh>
    <rPh sb="20" eb="22">
      <t>ショウガイ</t>
    </rPh>
    <rPh sb="26" eb="27">
      <t>ノゾ</t>
    </rPh>
    <phoneticPr fontId="8"/>
  </si>
  <si>
    <t>共生社会創成（共生社会創成－聴覚障害コース）</t>
    <rPh sb="11" eb="13">
      <t>ソウセイ</t>
    </rPh>
    <phoneticPr fontId="2"/>
  </si>
  <si>
    <t>エントリーシート</t>
  </si>
  <si>
    <t>群馬</t>
    <rPh sb="0" eb="2">
      <t>グンマ</t>
    </rPh>
    <phoneticPr fontId="3"/>
  </si>
  <si>
    <t>共同教育（学校－音楽）</t>
    <rPh sb="0" eb="2">
      <t>キョウドウ</t>
    </rPh>
    <rPh sb="2" eb="4">
      <t>キョウイク</t>
    </rPh>
    <rPh sb="5" eb="7">
      <t>ガッコウ</t>
    </rPh>
    <rPh sb="8" eb="10">
      <t>オンガク</t>
    </rPh>
    <phoneticPr fontId="3"/>
  </si>
  <si>
    <t>前・後</t>
    <rPh sb="0" eb="1">
      <t>マエ</t>
    </rPh>
    <rPh sb="2" eb="3">
      <t>ゴ</t>
    </rPh>
    <phoneticPr fontId="3"/>
  </si>
  <si>
    <t>実技試験に関する届出用紙</t>
    <rPh sb="0" eb="2">
      <t>ジツギ</t>
    </rPh>
    <rPh sb="2" eb="4">
      <t>シケン</t>
    </rPh>
    <rPh sb="5" eb="6">
      <t>カン</t>
    </rPh>
    <rPh sb="8" eb="9">
      <t>トド</t>
    </rPh>
    <rPh sb="9" eb="10">
      <t>デ</t>
    </rPh>
    <rPh sb="10" eb="12">
      <t>ヨウシ</t>
    </rPh>
    <phoneticPr fontId="3"/>
  </si>
  <si>
    <t>共同教育（学校－保健体育）</t>
    <rPh sb="0" eb="2">
      <t>キョウドウ</t>
    </rPh>
    <rPh sb="2" eb="4">
      <t>キョウイク</t>
    </rPh>
    <rPh sb="5" eb="7">
      <t>ガッコウ</t>
    </rPh>
    <rPh sb="8" eb="10">
      <t>ホケン</t>
    </rPh>
    <rPh sb="10" eb="12">
      <t>タイイク</t>
    </rPh>
    <phoneticPr fontId="3"/>
  </si>
  <si>
    <t>医（医－一般枠）</t>
    <rPh sb="0" eb="1">
      <t>イ</t>
    </rPh>
    <rPh sb="2" eb="3">
      <t>イ</t>
    </rPh>
    <rPh sb="4" eb="7">
      <t>イッパンワク</t>
    </rPh>
    <phoneticPr fontId="8"/>
  </si>
  <si>
    <t>履歴書</t>
    <rPh sb="0" eb="3">
      <t>リレキショ</t>
    </rPh>
    <phoneticPr fontId="3"/>
  </si>
  <si>
    <t>群馬</t>
  </si>
  <si>
    <t>医（医－地域医療枠）</t>
    <rPh sb="0" eb="1">
      <t>イ</t>
    </rPh>
    <rPh sb="2" eb="3">
      <t>イ</t>
    </rPh>
    <rPh sb="4" eb="6">
      <t>チイキ</t>
    </rPh>
    <rPh sb="6" eb="8">
      <t>イリョウ</t>
    </rPh>
    <rPh sb="8" eb="9">
      <t>ワク</t>
    </rPh>
    <phoneticPr fontId="8"/>
  </si>
  <si>
    <t>群馬県立県民健康科学</t>
  </si>
  <si>
    <t>全学部</t>
    <rPh sb="0" eb="3">
      <t>ゼンガクブ</t>
    </rPh>
    <phoneticPr fontId="8"/>
  </si>
  <si>
    <t>前橋工科</t>
    <rPh sb="0" eb="4">
      <t>マエバシコウカ</t>
    </rPh>
    <phoneticPr fontId="3"/>
  </si>
  <si>
    <t>工</t>
    <rPh sb="0" eb="1">
      <t>コウ</t>
    </rPh>
    <phoneticPr fontId="8"/>
  </si>
  <si>
    <t>志望理由・高校時代の活動のふりかえりに関する説明</t>
  </si>
  <si>
    <t>千葉</t>
  </si>
  <si>
    <t>教育（小中－保健体育科教育）</t>
    <rPh sb="0" eb="2">
      <t>キョウイク</t>
    </rPh>
    <rPh sb="3" eb="4">
      <t>ショウ</t>
    </rPh>
    <rPh sb="6" eb="8">
      <t>ホケン</t>
    </rPh>
    <rPh sb="8" eb="10">
      <t>タイイク</t>
    </rPh>
    <rPh sb="10" eb="11">
      <t>カ</t>
    </rPh>
    <rPh sb="11" eb="13">
      <t>キョウイク</t>
    </rPh>
    <phoneticPr fontId="3"/>
  </si>
  <si>
    <t>運動歴調書</t>
  </si>
  <si>
    <t>千葉県立保健医療</t>
  </si>
  <si>
    <t>健康科学</t>
    <rPh sb="0" eb="2">
      <t>ケンコウ</t>
    </rPh>
    <rPh sb="2" eb="4">
      <t>カガク</t>
    </rPh>
    <phoneticPr fontId="3"/>
  </si>
  <si>
    <t>東京</t>
  </si>
  <si>
    <t>理科三類</t>
    <rPh sb="0" eb="2">
      <t>リカ</t>
    </rPh>
    <rPh sb="2" eb="3">
      <t>サン</t>
    </rPh>
    <rPh sb="3" eb="4">
      <t>ルイ</t>
    </rPh>
    <phoneticPr fontId="8"/>
  </si>
  <si>
    <t>東京外国語</t>
  </si>
  <si>
    <t>全学部</t>
    <rPh sb="0" eb="3">
      <t>ゼンガクブ</t>
    </rPh>
    <phoneticPr fontId="3"/>
  </si>
  <si>
    <t>前・後</t>
    <rPh sb="0" eb="1">
      <t>マエ</t>
    </rPh>
    <rPh sb="2" eb="3">
      <t>ウシ</t>
    </rPh>
    <phoneticPr fontId="3"/>
  </si>
  <si>
    <t>主体性評価</t>
    <rPh sb="0" eb="3">
      <t>シュタイセイ</t>
    </rPh>
    <rPh sb="3" eb="5">
      <t>ヒョウカ</t>
    </rPh>
    <phoneticPr fontId="3"/>
  </si>
  <si>
    <t>東京海洋</t>
  </si>
  <si>
    <t>海洋生命科学（海洋政策文化）</t>
    <rPh sb="0" eb="2">
      <t>カイヨウ</t>
    </rPh>
    <rPh sb="2" eb="4">
      <t>セイメイ</t>
    </rPh>
    <rPh sb="4" eb="6">
      <t>カガク</t>
    </rPh>
    <rPh sb="7" eb="9">
      <t>カイヨウ</t>
    </rPh>
    <rPh sb="9" eb="11">
      <t>セイサク</t>
    </rPh>
    <rPh sb="11" eb="13">
      <t>ブンカ</t>
    </rPh>
    <phoneticPr fontId="3"/>
  </si>
  <si>
    <t>資格・業績書</t>
    <rPh sb="0" eb="2">
      <t>シカク</t>
    </rPh>
    <rPh sb="3" eb="5">
      <t>ギョウセキ</t>
    </rPh>
    <rPh sb="5" eb="6">
      <t>ショ</t>
    </rPh>
    <phoneticPr fontId="3"/>
  </si>
  <si>
    <t>東京学芸</t>
    <rPh sb="0" eb="2">
      <t>トウキョウ</t>
    </rPh>
    <phoneticPr fontId="3"/>
  </si>
  <si>
    <t>教育（初等－保健体育、中等－保健体育、教育－生涯スポーツ）</t>
    <rPh sb="0" eb="2">
      <t>キョウイク</t>
    </rPh>
    <rPh sb="3" eb="5">
      <t>ショトウ</t>
    </rPh>
    <rPh sb="11" eb="12">
      <t>チュウ</t>
    </rPh>
    <rPh sb="19" eb="21">
      <t>キョウイク</t>
    </rPh>
    <rPh sb="22" eb="24">
      <t>ショウガイ</t>
    </rPh>
    <phoneticPr fontId="3"/>
  </si>
  <si>
    <t>競技成績証明書</t>
    <rPh sb="0" eb="2">
      <t>キョウギ</t>
    </rPh>
    <rPh sb="2" eb="4">
      <t>セイセキ</t>
    </rPh>
    <rPh sb="4" eb="7">
      <t>ショウメイショ</t>
    </rPh>
    <phoneticPr fontId="3"/>
  </si>
  <si>
    <t>東京芸術</t>
  </si>
  <si>
    <t>美術（先端芸術表現）</t>
    <rPh sb="0" eb="2">
      <t>ビジュツ</t>
    </rPh>
    <rPh sb="3" eb="5">
      <t>センタン</t>
    </rPh>
    <rPh sb="5" eb="7">
      <t>ゲイジュツ</t>
    </rPh>
    <rPh sb="7" eb="9">
      <t>ヒョウゲン</t>
    </rPh>
    <phoneticPr fontId="2"/>
  </si>
  <si>
    <t>個人資料ファイル</t>
    <rPh sb="0" eb="2">
      <t>コジン</t>
    </rPh>
    <rPh sb="2" eb="4">
      <t>シリョウ</t>
    </rPh>
    <phoneticPr fontId="2"/>
  </si>
  <si>
    <t>音楽（音楽環境創造）</t>
    <rPh sb="0" eb="2">
      <t>オンガク</t>
    </rPh>
    <rPh sb="3" eb="5">
      <t>オンガク</t>
    </rPh>
    <rPh sb="5" eb="7">
      <t>カンキョウ</t>
    </rPh>
    <rPh sb="7" eb="9">
      <t>ソウゾウ</t>
    </rPh>
    <phoneticPr fontId="8"/>
  </si>
  <si>
    <t>前</t>
    <rPh sb="0" eb="1">
      <t>マエ</t>
    </rPh>
    <phoneticPr fontId="4"/>
  </si>
  <si>
    <t>800字</t>
  </si>
  <si>
    <t>東京都立</t>
  </si>
  <si>
    <t>健康福祉</t>
    <rPh sb="0" eb="2">
      <t>ケンコウ</t>
    </rPh>
    <rPh sb="2" eb="4">
      <t>フクシ</t>
    </rPh>
    <phoneticPr fontId="3"/>
  </si>
  <si>
    <t>面接カード</t>
    <rPh sb="0" eb="2">
      <t>メンセツ</t>
    </rPh>
    <phoneticPr fontId="3"/>
  </si>
  <si>
    <t>東京農工</t>
  </si>
  <si>
    <t>全学部</t>
    <rPh sb="0" eb="1">
      <t>ゼン</t>
    </rPh>
    <rPh sb="1" eb="3">
      <t>ガクブ</t>
    </rPh>
    <phoneticPr fontId="3"/>
  </si>
  <si>
    <t>神奈川県立保健福祉</t>
  </si>
  <si>
    <t>保健福祉</t>
    <rPh sb="0" eb="2">
      <t>ホケン</t>
    </rPh>
    <rPh sb="2" eb="4">
      <t>フクシ</t>
    </rPh>
    <phoneticPr fontId="8"/>
  </si>
  <si>
    <t>前・後</t>
    <rPh sb="0" eb="1">
      <t>マエ</t>
    </rPh>
    <phoneticPr fontId="4"/>
  </si>
  <si>
    <t>川崎市立看護</t>
    <rPh sb="0" eb="2">
      <t>カワサキ</t>
    </rPh>
    <rPh sb="2" eb="4">
      <t>シリツ</t>
    </rPh>
    <rPh sb="4" eb="6">
      <t>カンゴ</t>
    </rPh>
    <phoneticPr fontId="3"/>
  </si>
  <si>
    <t>横浜国立</t>
    <rPh sb="2" eb="4">
      <t>コクリツ</t>
    </rPh>
    <phoneticPr fontId="3"/>
  </si>
  <si>
    <t>全学部</t>
    <rPh sb="0" eb="2">
      <t>ゼンガク</t>
    </rPh>
    <rPh sb="2" eb="3">
      <t>ブ</t>
    </rPh>
    <phoneticPr fontId="3"/>
  </si>
  <si>
    <t>自己推薦書（教育学部：700～800字、教育学部以外：300～400字）</t>
    <rPh sb="0" eb="2">
      <t>ジコ</t>
    </rPh>
    <rPh sb="2" eb="4">
      <t>スイセン</t>
    </rPh>
    <rPh sb="4" eb="5">
      <t>ショ</t>
    </rPh>
    <rPh sb="6" eb="8">
      <t>キョウイク</t>
    </rPh>
    <rPh sb="8" eb="10">
      <t>ガクブ</t>
    </rPh>
    <rPh sb="18" eb="19">
      <t>ジ</t>
    </rPh>
    <rPh sb="20" eb="22">
      <t>キョウイク</t>
    </rPh>
    <rPh sb="22" eb="24">
      <t>ガクブ</t>
    </rPh>
    <rPh sb="24" eb="26">
      <t>イガイ</t>
    </rPh>
    <rPh sb="34" eb="35">
      <t>ジ</t>
    </rPh>
    <phoneticPr fontId="3"/>
  </si>
  <si>
    <t>横浜市立</t>
  </si>
  <si>
    <t>全学部（医を除く）</t>
    <rPh sb="0" eb="1">
      <t>ゼン</t>
    </rPh>
    <rPh sb="1" eb="3">
      <t>ガクブ</t>
    </rPh>
    <rPh sb="4" eb="5">
      <t>イ</t>
    </rPh>
    <rPh sb="6" eb="7">
      <t>ノゾ</t>
    </rPh>
    <phoneticPr fontId="8"/>
  </si>
  <si>
    <t>自己記述書</t>
    <rPh sb="0" eb="2">
      <t>ジコ</t>
    </rPh>
    <rPh sb="2" eb="5">
      <t>キジュツショ</t>
    </rPh>
    <phoneticPr fontId="3"/>
  </si>
  <si>
    <t>医</t>
    <rPh sb="0" eb="1">
      <t>イ</t>
    </rPh>
    <phoneticPr fontId="8"/>
  </si>
  <si>
    <t>理、データサイエンス</t>
    <rPh sb="0" eb="1">
      <t>リ</t>
    </rPh>
    <phoneticPr fontId="2"/>
  </si>
  <si>
    <t>長岡技術科学</t>
  </si>
  <si>
    <t>工</t>
  </si>
  <si>
    <t>前</t>
  </si>
  <si>
    <t>長岡造形</t>
  </si>
  <si>
    <t>造形</t>
  </si>
  <si>
    <t>自己アピール用紙</t>
    <rPh sb="0" eb="2">
      <t>ジコ</t>
    </rPh>
    <rPh sb="6" eb="8">
      <t>ヨウシ</t>
    </rPh>
    <phoneticPr fontId="7"/>
  </si>
  <si>
    <t>新潟</t>
  </si>
  <si>
    <t>教育（教科－理科・技術科・音楽・美術）</t>
    <rPh sb="0" eb="2">
      <t>キョウイク</t>
    </rPh>
    <rPh sb="3" eb="5">
      <t>キョウカ</t>
    </rPh>
    <rPh sb="6" eb="8">
      <t>リカ</t>
    </rPh>
    <rPh sb="9" eb="11">
      <t>ギジュツ</t>
    </rPh>
    <rPh sb="11" eb="12">
      <t>カ</t>
    </rPh>
    <rPh sb="13" eb="15">
      <t>オンガク</t>
    </rPh>
    <rPh sb="16" eb="18">
      <t>ビジュツ</t>
    </rPh>
    <phoneticPr fontId="3"/>
  </si>
  <si>
    <t>面接シート</t>
    <rPh sb="0" eb="2">
      <t>メンセツ</t>
    </rPh>
    <phoneticPr fontId="3"/>
  </si>
  <si>
    <t>教育（教科－保健体育）</t>
    <rPh sb="0" eb="2">
      <t>キョウイク</t>
    </rPh>
    <rPh sb="3" eb="5">
      <t>キョウカ</t>
    </rPh>
    <rPh sb="6" eb="8">
      <t>ホケン</t>
    </rPh>
    <rPh sb="8" eb="10">
      <t>タイイク</t>
    </rPh>
    <phoneticPr fontId="3"/>
  </si>
  <si>
    <t>面接シート、スポーツ歴記入票</t>
    <rPh sb="0" eb="2">
      <t>メンセツ</t>
    </rPh>
    <rPh sb="10" eb="11">
      <t>レキ</t>
    </rPh>
    <rPh sb="11" eb="13">
      <t>キニュウ</t>
    </rPh>
    <rPh sb="13" eb="14">
      <t>ヒョウ</t>
    </rPh>
    <phoneticPr fontId="3"/>
  </si>
  <si>
    <t>理（理－野外科学志向選抜）</t>
    <rPh sb="0" eb="1">
      <t>リ</t>
    </rPh>
    <rPh sb="2" eb="3">
      <t>リ</t>
    </rPh>
    <rPh sb="4" eb="6">
      <t>ヤガイ</t>
    </rPh>
    <rPh sb="6" eb="8">
      <t>カガク</t>
    </rPh>
    <rPh sb="8" eb="10">
      <t>シコウ</t>
    </rPh>
    <rPh sb="10" eb="12">
      <t>センバツ</t>
    </rPh>
    <phoneticPr fontId="3"/>
  </si>
  <si>
    <t>面接のための参考資料</t>
    <rPh sb="0" eb="2">
      <t>メンセツ</t>
    </rPh>
    <rPh sb="6" eb="8">
      <t>サンコウ</t>
    </rPh>
    <rPh sb="8" eb="10">
      <t>シリョウ</t>
    </rPh>
    <phoneticPr fontId="3"/>
  </si>
  <si>
    <t>新潟県立看護</t>
  </si>
  <si>
    <t>前・後</t>
    <rPh sb="0" eb="1">
      <t>マエ</t>
    </rPh>
    <rPh sb="2" eb="3">
      <t>ノチ</t>
    </rPh>
    <phoneticPr fontId="4"/>
  </si>
  <si>
    <t>500字程度</t>
    <rPh sb="3" eb="4">
      <t>ジ</t>
    </rPh>
    <rPh sb="4" eb="6">
      <t>テイド</t>
    </rPh>
    <phoneticPr fontId="2"/>
  </si>
  <si>
    <t>金沢美術工芸</t>
    <rPh sb="0" eb="2">
      <t>カナザワ</t>
    </rPh>
    <rPh sb="2" eb="4">
      <t>ビジュツ</t>
    </rPh>
    <rPh sb="4" eb="6">
      <t>コウゲイ</t>
    </rPh>
    <phoneticPr fontId="3"/>
  </si>
  <si>
    <t xml:space="preserve">美術工芸（美術－彫刻、デザイン、工芸）
</t>
    <rPh sb="0" eb="2">
      <t>ビジュツ</t>
    </rPh>
    <rPh sb="2" eb="4">
      <t>コウゲイ</t>
    </rPh>
    <rPh sb="5" eb="7">
      <t>ビジュツ</t>
    </rPh>
    <rPh sb="8" eb="10">
      <t>チョウコク</t>
    </rPh>
    <rPh sb="16" eb="18">
      <t>コウゲイ</t>
    </rPh>
    <phoneticPr fontId="3"/>
  </si>
  <si>
    <t>中</t>
    <rPh sb="0" eb="1">
      <t>チュウ</t>
    </rPh>
    <phoneticPr fontId="3"/>
  </si>
  <si>
    <t>美術－彫刻、デザ－インダストリアルデザイン：各項目140字、工芸：300字</t>
    <rPh sb="22" eb="23">
      <t>カク</t>
    </rPh>
    <rPh sb="23" eb="25">
      <t>コウモク</t>
    </rPh>
    <rPh sb="28" eb="29">
      <t>ジ</t>
    </rPh>
    <phoneticPr fontId="2"/>
  </si>
  <si>
    <t>福井</t>
  </si>
  <si>
    <t>教育（初等教育・中等教育－実技型体育）</t>
    <rPh sb="0" eb="2">
      <t>キョウイク</t>
    </rPh>
    <rPh sb="3" eb="5">
      <t>ショトウ</t>
    </rPh>
    <rPh sb="8" eb="10">
      <t>チュウトウ</t>
    </rPh>
    <rPh sb="10" eb="12">
      <t>キョウイク</t>
    </rPh>
    <rPh sb="13" eb="15">
      <t>ジツギ</t>
    </rPh>
    <rPh sb="15" eb="16">
      <t>ガタ</t>
    </rPh>
    <rPh sb="16" eb="18">
      <t>タイイク</t>
    </rPh>
    <phoneticPr fontId="3"/>
  </si>
  <si>
    <t>競技歴リスト</t>
    <rPh sb="0" eb="2">
      <t>キョウギ</t>
    </rPh>
    <rPh sb="2" eb="3">
      <t>レキ</t>
    </rPh>
    <phoneticPr fontId="3"/>
  </si>
  <si>
    <t>福井県立</t>
    <rPh sb="0" eb="2">
      <t>フクイ</t>
    </rPh>
    <rPh sb="2" eb="4">
      <t>ケンリツ</t>
    </rPh>
    <phoneticPr fontId="3"/>
  </si>
  <si>
    <t>生物資源（創造農）、看護福祉（看護）</t>
    <rPh sb="10" eb="12">
      <t>カンゴ</t>
    </rPh>
    <rPh sb="12" eb="14">
      <t>フクシ</t>
    </rPh>
    <rPh sb="15" eb="17">
      <t>カンゴ</t>
    </rPh>
    <phoneticPr fontId="8"/>
  </si>
  <si>
    <t>前・後</t>
    <rPh sb="0" eb="1">
      <t>マエ</t>
    </rPh>
    <rPh sb="2" eb="3">
      <t>コウ</t>
    </rPh>
    <phoneticPr fontId="4"/>
  </si>
  <si>
    <t>自己推薦書</t>
  </si>
  <si>
    <t>恐竜</t>
    <rPh sb="0" eb="2">
      <t>キョウリュウ</t>
    </rPh>
    <phoneticPr fontId="8"/>
  </si>
  <si>
    <t>後</t>
    <rPh sb="0" eb="1">
      <t>コウ</t>
    </rPh>
    <phoneticPr fontId="4"/>
  </si>
  <si>
    <t>都留文科</t>
  </si>
  <si>
    <t>全学部（文－国文を除く）</t>
  </si>
  <si>
    <t>前・中</t>
    <rPh sb="0" eb="1">
      <t>マエ</t>
    </rPh>
    <rPh sb="2" eb="3">
      <t>ナカ</t>
    </rPh>
    <phoneticPr fontId="7"/>
  </si>
  <si>
    <t>志願書（600字）</t>
    <rPh sb="0" eb="2">
      <t>シガン</t>
    </rPh>
    <rPh sb="2" eb="3">
      <t>ショ</t>
    </rPh>
    <rPh sb="7" eb="8">
      <t>ジ</t>
    </rPh>
    <phoneticPr fontId="7"/>
  </si>
  <si>
    <t>山梨</t>
    <rPh sb="0" eb="2">
      <t>ヤマナシ</t>
    </rPh>
    <phoneticPr fontId="3"/>
  </si>
  <si>
    <t>多面的・総合的な評価のための申告書、（体育実技選択者のみ）活動実績報告書</t>
    <rPh sb="0" eb="3">
      <t>タメンテキ</t>
    </rPh>
    <rPh sb="4" eb="7">
      <t>ソウゴウテキ</t>
    </rPh>
    <rPh sb="8" eb="10">
      <t>ヒョウカ</t>
    </rPh>
    <rPh sb="14" eb="17">
      <t>シンコクショ</t>
    </rPh>
    <rPh sb="19" eb="21">
      <t>タイイク</t>
    </rPh>
    <rPh sb="21" eb="23">
      <t>ジツギ</t>
    </rPh>
    <rPh sb="23" eb="25">
      <t>センタク</t>
    </rPh>
    <rPh sb="25" eb="26">
      <t>シャ</t>
    </rPh>
    <rPh sb="29" eb="31">
      <t>カツドウ</t>
    </rPh>
    <rPh sb="31" eb="33">
      <t>ジッセキ</t>
    </rPh>
    <rPh sb="33" eb="36">
      <t>ホウコクショ</t>
    </rPh>
    <phoneticPr fontId="3"/>
  </si>
  <si>
    <t>山梨県立</t>
    <rPh sb="0" eb="2">
      <t>ヤマナシ</t>
    </rPh>
    <rPh sb="2" eb="4">
      <t>ケンリツ</t>
    </rPh>
    <phoneticPr fontId="7"/>
  </si>
  <si>
    <t>看護</t>
    <rPh sb="0" eb="2">
      <t>カンゴ</t>
    </rPh>
    <phoneticPr fontId="7"/>
  </si>
  <si>
    <t>自己評価書</t>
    <rPh sb="0" eb="2">
      <t>ジコ</t>
    </rPh>
    <rPh sb="2" eb="4">
      <t>ヒョウカ</t>
    </rPh>
    <rPh sb="4" eb="5">
      <t>ショ</t>
    </rPh>
    <phoneticPr fontId="7"/>
  </si>
  <si>
    <t>信州</t>
  </si>
  <si>
    <t>教育（学校－図画工作･美術教育）</t>
    <rPh sb="0" eb="2">
      <t>キョウイク</t>
    </rPh>
    <rPh sb="3" eb="5">
      <t>ガッコウ</t>
    </rPh>
    <rPh sb="6" eb="8">
      <t>ズガ</t>
    </rPh>
    <rPh sb="8" eb="10">
      <t>コウサク</t>
    </rPh>
    <rPh sb="11" eb="13">
      <t>ビジュツ</t>
    </rPh>
    <rPh sb="13" eb="15">
      <t>キョウイク</t>
    </rPh>
    <phoneticPr fontId="3"/>
  </si>
  <si>
    <t>前</t>
    <rPh sb="0" eb="1">
      <t>ゼン</t>
    </rPh>
    <phoneticPr fontId="3"/>
  </si>
  <si>
    <t>教育学部学びの計画書</t>
    <rPh sb="0" eb="2">
      <t>キョウイク</t>
    </rPh>
    <rPh sb="2" eb="4">
      <t>ガクブ</t>
    </rPh>
    <rPh sb="4" eb="5">
      <t>マナ</t>
    </rPh>
    <rPh sb="7" eb="10">
      <t>ケイカクショ</t>
    </rPh>
    <phoneticPr fontId="3"/>
  </si>
  <si>
    <t>医（医）</t>
    <rPh sb="0" eb="1">
      <t>イ</t>
    </rPh>
    <rPh sb="2" eb="3">
      <t>イ</t>
    </rPh>
    <phoneticPr fontId="8"/>
  </si>
  <si>
    <t>長野</t>
  </si>
  <si>
    <t>全学部</t>
  </si>
  <si>
    <t>業績書</t>
    <rPh sb="0" eb="2">
      <t>ギョウセキ</t>
    </rPh>
    <rPh sb="2" eb="3">
      <t>ショ</t>
    </rPh>
    <phoneticPr fontId="7"/>
  </si>
  <si>
    <t>長野県看護</t>
  </si>
  <si>
    <t>前・中</t>
    <rPh sb="0" eb="1">
      <t>マエ</t>
    </rPh>
    <rPh sb="2" eb="3">
      <t>チュウ</t>
    </rPh>
    <phoneticPr fontId="4"/>
  </si>
  <si>
    <t>静岡</t>
  </si>
  <si>
    <t>グローバル共創科学</t>
    <rPh sb="5" eb="7">
      <t>キョウソウ</t>
    </rPh>
    <rPh sb="7" eb="9">
      <t>カガク</t>
    </rPh>
    <phoneticPr fontId="8"/>
  </si>
  <si>
    <t>静岡県立農林環境専門職</t>
    <rPh sb="2" eb="4">
      <t>ケンリツ</t>
    </rPh>
    <rPh sb="4" eb="6">
      <t>ノウリン</t>
    </rPh>
    <rPh sb="6" eb="8">
      <t>カンキョウ</t>
    </rPh>
    <rPh sb="8" eb="10">
      <t>センモン</t>
    </rPh>
    <rPh sb="10" eb="11">
      <t>ショク</t>
    </rPh>
    <phoneticPr fontId="3"/>
  </si>
  <si>
    <t>生産環境経営</t>
    <rPh sb="0" eb="2">
      <t>セイサン</t>
    </rPh>
    <rPh sb="2" eb="4">
      <t>カンキョウ</t>
    </rPh>
    <rPh sb="4" eb="6">
      <t>ケイエイ</t>
    </rPh>
    <phoneticPr fontId="8"/>
  </si>
  <si>
    <t>静岡文化芸術</t>
  </si>
  <si>
    <t>文化政策（芸術文化）</t>
    <rPh sb="0" eb="2">
      <t>ブンカ</t>
    </rPh>
    <rPh sb="2" eb="4">
      <t>セイサク</t>
    </rPh>
    <rPh sb="5" eb="7">
      <t>ゲイジュツ</t>
    </rPh>
    <rPh sb="7" eb="9">
      <t>ブンカ</t>
    </rPh>
    <phoneticPr fontId="8"/>
  </si>
  <si>
    <t>デザイン（デザイン－ポートフォリオ）</t>
  </si>
  <si>
    <t>ポートフォリオ</t>
  </si>
  <si>
    <t>愛知教育</t>
  </si>
  <si>
    <t>教育（学校教員養成）</t>
    <rPh sb="0" eb="2">
      <t>キョウイク</t>
    </rPh>
    <rPh sb="3" eb="5">
      <t>ガッコウ</t>
    </rPh>
    <rPh sb="5" eb="7">
      <t>キョウイン</t>
    </rPh>
    <rPh sb="7" eb="9">
      <t>ヨウセイ</t>
    </rPh>
    <phoneticPr fontId="8"/>
  </si>
  <si>
    <t>600字</t>
    <rPh sb="3" eb="4">
      <t>ジ</t>
    </rPh>
    <phoneticPr fontId="3"/>
  </si>
  <si>
    <t>愛知県立芸術</t>
  </si>
  <si>
    <t>美術</t>
  </si>
  <si>
    <t>後</t>
    <rPh sb="0" eb="1">
      <t>コウ</t>
    </rPh>
    <phoneticPr fontId="7"/>
  </si>
  <si>
    <t>豊橋技術科学</t>
    <rPh sb="0" eb="2">
      <t>トヨハシ</t>
    </rPh>
    <rPh sb="2" eb="4">
      <t>ギジュツ</t>
    </rPh>
    <rPh sb="4" eb="6">
      <t>カガク</t>
    </rPh>
    <phoneticPr fontId="2"/>
  </si>
  <si>
    <t>志望調書</t>
    <rPh sb="0" eb="2">
      <t>シボウ</t>
    </rPh>
    <rPh sb="2" eb="4">
      <t>チョウショ</t>
    </rPh>
    <phoneticPr fontId="3"/>
  </si>
  <si>
    <t>名古屋</t>
  </si>
  <si>
    <t>前・後</t>
    <rPh sb="0" eb="1">
      <t>マエ</t>
    </rPh>
    <rPh sb="2" eb="3">
      <t>ウシロ</t>
    </rPh>
    <phoneticPr fontId="4"/>
  </si>
  <si>
    <t>医（医－地域枠）</t>
    <rPh sb="0" eb="1">
      <t>イ</t>
    </rPh>
    <rPh sb="2" eb="3">
      <t>イ</t>
    </rPh>
    <phoneticPr fontId="8"/>
  </si>
  <si>
    <t>名古屋工業</t>
  </si>
  <si>
    <t>エントリーカード</t>
  </si>
  <si>
    <t>三重</t>
    <rPh sb="0" eb="2">
      <t>ミエ</t>
    </rPh>
    <phoneticPr fontId="3"/>
  </si>
  <si>
    <t>教育</t>
    <rPh sb="0" eb="2">
      <t>キョウイク</t>
    </rPh>
    <phoneticPr fontId="8"/>
  </si>
  <si>
    <t>前・後</t>
    <rPh sb="0" eb="1">
      <t>マエ</t>
    </rPh>
    <rPh sb="2" eb="3">
      <t>ウシ</t>
    </rPh>
    <phoneticPr fontId="4"/>
  </si>
  <si>
    <t>240字</t>
    <rPh sb="3" eb="4">
      <t>ジ</t>
    </rPh>
    <phoneticPr fontId="3"/>
  </si>
  <si>
    <t>滋賀医科</t>
    <rPh sb="0" eb="4">
      <t>シガイカ</t>
    </rPh>
    <phoneticPr fontId="3"/>
  </si>
  <si>
    <t>医（地域医療枠）</t>
    <rPh sb="0" eb="1">
      <t>イ</t>
    </rPh>
    <rPh sb="2" eb="4">
      <t>チイキ</t>
    </rPh>
    <rPh sb="4" eb="6">
      <t>イリョウ</t>
    </rPh>
    <rPh sb="6" eb="7">
      <t>ワク</t>
    </rPh>
    <phoneticPr fontId="3"/>
  </si>
  <si>
    <t>300～400字</t>
    <rPh sb="7" eb="8">
      <t>ジ</t>
    </rPh>
    <phoneticPr fontId="2"/>
  </si>
  <si>
    <t>滋賀県立</t>
    <rPh sb="0" eb="4">
      <t>シガケンリツ</t>
    </rPh>
    <phoneticPr fontId="3"/>
  </si>
  <si>
    <t>京都</t>
  </si>
  <si>
    <t>出願後に提出が必要</t>
    <rPh sb="0" eb="2">
      <t>シュツガン</t>
    </rPh>
    <rPh sb="2" eb="3">
      <t>ゴ</t>
    </rPh>
    <rPh sb="4" eb="6">
      <t>テイシュツ</t>
    </rPh>
    <rPh sb="7" eb="9">
      <t>ヒツヨウ</t>
    </rPh>
    <phoneticPr fontId="3"/>
  </si>
  <si>
    <t>京都教育</t>
  </si>
  <si>
    <t>京都教育</t>
    <rPh sb="0" eb="2">
      <t>キョウト</t>
    </rPh>
    <rPh sb="2" eb="4">
      <t>キョウイク</t>
    </rPh>
    <phoneticPr fontId="2"/>
  </si>
  <si>
    <t>教育（学校－体育）</t>
    <rPh sb="0" eb="2">
      <t>キョウイク</t>
    </rPh>
    <rPh sb="3" eb="5">
      <t>ガッコウ</t>
    </rPh>
    <rPh sb="6" eb="8">
      <t>タイイク</t>
    </rPh>
    <phoneticPr fontId="2"/>
  </si>
  <si>
    <t>後</t>
    <rPh sb="0" eb="1">
      <t>アト</t>
    </rPh>
    <phoneticPr fontId="2"/>
  </si>
  <si>
    <t>運動歴調書</t>
    <rPh sb="0" eb="2">
      <t>ウンドウ</t>
    </rPh>
    <rPh sb="2" eb="3">
      <t>レキ</t>
    </rPh>
    <rPh sb="3" eb="5">
      <t>チョウショ</t>
    </rPh>
    <phoneticPr fontId="2"/>
  </si>
  <si>
    <t>大阪教育</t>
    <rPh sb="0" eb="2">
      <t>オオサカ</t>
    </rPh>
    <rPh sb="2" eb="4">
      <t>キョウイク</t>
    </rPh>
    <phoneticPr fontId="2"/>
  </si>
  <si>
    <t>教育（次世代－教育探究）</t>
    <rPh sb="0" eb="2">
      <t>キョウイク</t>
    </rPh>
    <rPh sb="3" eb="6">
      <t>ジセダイ</t>
    </rPh>
    <rPh sb="7" eb="9">
      <t>キョウイク</t>
    </rPh>
    <rPh sb="9" eb="11">
      <t>タンキュウ</t>
    </rPh>
    <phoneticPr fontId="2"/>
  </si>
  <si>
    <t>前・後</t>
    <rPh sb="2" eb="3">
      <t>ウシ</t>
    </rPh>
    <phoneticPr fontId="2"/>
  </si>
  <si>
    <t>教育（次世代－教育探究を除く）、教育（夜間主）</t>
    <rPh sb="0" eb="2">
      <t>キョウイク</t>
    </rPh>
    <rPh sb="3" eb="6">
      <t>ジセダイ</t>
    </rPh>
    <rPh sb="7" eb="9">
      <t>キョウイク</t>
    </rPh>
    <rPh sb="9" eb="11">
      <t>タンキュウ</t>
    </rPh>
    <rPh sb="12" eb="13">
      <t>ノゾ</t>
    </rPh>
    <rPh sb="16" eb="18">
      <t>キョウイク</t>
    </rPh>
    <rPh sb="19" eb="22">
      <t>ヤカンシュ</t>
    </rPh>
    <phoneticPr fontId="2"/>
  </si>
  <si>
    <t>前・後</t>
    <rPh sb="0" eb="1">
      <t>マエ</t>
    </rPh>
    <rPh sb="2" eb="3">
      <t>ウシ</t>
    </rPh>
    <phoneticPr fontId="2"/>
  </si>
  <si>
    <t>大阪公立</t>
    <rPh sb="2" eb="4">
      <t>コウリツ</t>
    </rPh>
    <phoneticPr fontId="3"/>
  </si>
  <si>
    <t>経済（経済－ユニーク選抜）</t>
    <rPh sb="0" eb="2">
      <t>ケイザイ</t>
    </rPh>
    <rPh sb="3" eb="5">
      <t>ケイザイ</t>
    </rPh>
    <rPh sb="10" eb="12">
      <t>センバツ</t>
    </rPh>
    <phoneticPr fontId="8"/>
  </si>
  <si>
    <t>自己推薦書、特別活動要覧</t>
  </si>
  <si>
    <t>現代システム科学</t>
    <rPh sb="0" eb="2">
      <t>ゲンダイ</t>
    </rPh>
    <rPh sb="6" eb="8">
      <t>カガク</t>
    </rPh>
    <phoneticPr fontId="8"/>
  </si>
  <si>
    <t>前・後</t>
    <rPh sb="0" eb="1">
      <t>ゼン</t>
    </rPh>
    <rPh sb="2" eb="3">
      <t>ゴ</t>
    </rPh>
    <phoneticPr fontId="3"/>
  </si>
  <si>
    <t>芸術文化観光専門職</t>
  </si>
  <si>
    <t>芸術文化･観光</t>
    <rPh sb="0" eb="2">
      <t>ゲイジュツ</t>
    </rPh>
    <rPh sb="2" eb="4">
      <t>ブンカ</t>
    </rPh>
    <rPh sb="5" eb="7">
      <t>カンコウ</t>
    </rPh>
    <phoneticPr fontId="3"/>
  </si>
  <si>
    <t>別</t>
    <rPh sb="0" eb="1">
      <t>ベツ</t>
    </rPh>
    <phoneticPr fontId="3"/>
  </si>
  <si>
    <t>1000～1500字</t>
    <rPh sb="9" eb="10">
      <t>ジ</t>
    </rPh>
    <phoneticPr fontId="3"/>
  </si>
  <si>
    <t>兵庫教育</t>
  </si>
  <si>
    <t>学校教育</t>
    <rPh sb="0" eb="2">
      <t>ガッコウ</t>
    </rPh>
    <rPh sb="2" eb="4">
      <t>キョウイク</t>
    </rPh>
    <phoneticPr fontId="8"/>
  </si>
  <si>
    <t>各400字</t>
    <rPh sb="0" eb="1">
      <t>カク</t>
    </rPh>
    <rPh sb="4" eb="5">
      <t>ジ</t>
    </rPh>
    <phoneticPr fontId="3"/>
  </si>
  <si>
    <t>兵庫県立</t>
  </si>
  <si>
    <t>前期：200字、後期：400字</t>
  </si>
  <si>
    <t>奈良教育</t>
  </si>
  <si>
    <t>教育（教科－保健体育（初・中））</t>
  </si>
  <si>
    <t>前・後</t>
    <rPh sb="0" eb="1">
      <t>マエ</t>
    </rPh>
    <rPh sb="2" eb="3">
      <t>アト</t>
    </rPh>
    <phoneticPr fontId="7"/>
  </si>
  <si>
    <t>自己推薦書</t>
    <rPh sb="0" eb="2">
      <t>ジコ</t>
    </rPh>
    <rPh sb="2" eb="4">
      <t>スイセン</t>
    </rPh>
    <rPh sb="4" eb="5">
      <t>ショ</t>
    </rPh>
    <phoneticPr fontId="3"/>
  </si>
  <si>
    <t>和歌山県立医科</t>
  </si>
  <si>
    <t>薬</t>
    <rPh sb="0" eb="1">
      <t>ヤク</t>
    </rPh>
    <phoneticPr fontId="8"/>
  </si>
  <si>
    <t>自己推薦書（800字）</t>
    <rPh sb="9" eb="10">
      <t>ジ</t>
    </rPh>
    <phoneticPr fontId="3"/>
  </si>
  <si>
    <t>保健看護</t>
    <rPh sb="0" eb="2">
      <t>ホケン</t>
    </rPh>
    <rPh sb="2" eb="4">
      <t>カンゴ</t>
    </rPh>
    <phoneticPr fontId="8"/>
  </si>
  <si>
    <t>総合的な評価のための申告書（各設問600字）</t>
    <rPh sb="0" eb="3">
      <t>ソウゴウテキ</t>
    </rPh>
    <rPh sb="4" eb="6">
      <t>ヒョウカ</t>
    </rPh>
    <rPh sb="10" eb="13">
      <t>シンコクショ</t>
    </rPh>
    <rPh sb="14" eb="15">
      <t>カク</t>
    </rPh>
    <rPh sb="15" eb="17">
      <t>セツモン</t>
    </rPh>
    <rPh sb="20" eb="21">
      <t>ジ</t>
    </rPh>
    <phoneticPr fontId="3"/>
  </si>
  <si>
    <t>鳥取</t>
  </si>
  <si>
    <t>地域（人間形成、国際地域文化）</t>
    <rPh sb="0" eb="2">
      <t>チイキ</t>
    </rPh>
    <rPh sb="3" eb="5">
      <t>ニンゲン</t>
    </rPh>
    <rPh sb="5" eb="7">
      <t>ケイセイ</t>
    </rPh>
    <rPh sb="8" eb="10">
      <t>コクサイ</t>
    </rPh>
    <rPh sb="10" eb="12">
      <t>チイキ</t>
    </rPh>
    <rPh sb="12" eb="14">
      <t>ブンカ</t>
    </rPh>
    <phoneticPr fontId="8"/>
  </si>
  <si>
    <t>工、農、医</t>
    <rPh sb="0" eb="1">
      <t>コウ</t>
    </rPh>
    <phoneticPr fontId="8"/>
  </si>
  <si>
    <t>自己評価シート</t>
  </si>
  <si>
    <t>医（医－兵庫県枠）</t>
    <rPh sb="0" eb="1">
      <t>イ</t>
    </rPh>
    <rPh sb="2" eb="3">
      <t>イ</t>
    </rPh>
    <rPh sb="4" eb="7">
      <t>ヒョウゴケン</t>
    </rPh>
    <rPh sb="7" eb="8">
      <t>ワク</t>
    </rPh>
    <phoneticPr fontId="8"/>
  </si>
  <si>
    <t>自己評価シート
志願所信書：800字</t>
    <rPh sb="0" eb="2">
      <t>ジコ</t>
    </rPh>
    <rPh sb="2" eb="4">
      <t>ヒョウカ</t>
    </rPh>
    <rPh sb="8" eb="10">
      <t>シガン</t>
    </rPh>
    <rPh sb="10" eb="11">
      <t>ジョ</t>
    </rPh>
    <rPh sb="11" eb="13">
      <t>シンショ</t>
    </rPh>
    <phoneticPr fontId="2"/>
  </si>
  <si>
    <t>島根県立</t>
  </si>
  <si>
    <t>人間文化</t>
    <rPh sb="0" eb="2">
      <t>ニンゲン</t>
    </rPh>
    <rPh sb="2" eb="4">
      <t>ブンカ</t>
    </rPh>
    <phoneticPr fontId="8"/>
  </si>
  <si>
    <t>地域政策</t>
    <rPh sb="0" eb="2">
      <t>チイキ</t>
    </rPh>
    <rPh sb="2" eb="4">
      <t>セイサク</t>
    </rPh>
    <phoneticPr fontId="3"/>
  </si>
  <si>
    <t>400～550字、任意提出</t>
    <rPh sb="7" eb="8">
      <t>ジ</t>
    </rPh>
    <rPh sb="9" eb="11">
      <t>ニンイ</t>
    </rPh>
    <rPh sb="11" eb="13">
      <t>テイシュツ</t>
    </rPh>
    <phoneticPr fontId="3"/>
  </si>
  <si>
    <t>岡山県立</t>
    <rPh sb="0" eb="4">
      <t>オカヤマケンリツ</t>
    </rPh>
    <phoneticPr fontId="3"/>
  </si>
  <si>
    <t>保健福祉</t>
    <rPh sb="0" eb="2">
      <t>ホケン</t>
    </rPh>
    <rPh sb="2" eb="4">
      <t>フクシ</t>
    </rPh>
    <phoneticPr fontId="3"/>
  </si>
  <si>
    <t>看護学科、子ども学科：1600字
栄養学科、現代福祉学科：800字</t>
    <rPh sb="0" eb="2">
      <t>カンゴ</t>
    </rPh>
    <rPh sb="2" eb="4">
      <t>ガッカ</t>
    </rPh>
    <rPh sb="5" eb="6">
      <t>コ</t>
    </rPh>
    <rPh sb="8" eb="10">
      <t>ガッカ</t>
    </rPh>
    <phoneticPr fontId="3"/>
  </si>
  <si>
    <t>叡啓</t>
    <rPh sb="0" eb="1">
      <t>エイ</t>
    </rPh>
    <rPh sb="1" eb="2">
      <t>ケイ</t>
    </rPh>
    <phoneticPr fontId="3"/>
  </si>
  <si>
    <t>ソーシャルシステムデザイン</t>
  </si>
  <si>
    <t>尾道市立</t>
    <rPh sb="0" eb="2">
      <t>オノミチ</t>
    </rPh>
    <rPh sb="2" eb="4">
      <t>シリツ</t>
    </rPh>
    <phoneticPr fontId="3"/>
  </si>
  <si>
    <t>芸術文化（日本文）</t>
    <rPh sb="0" eb="2">
      <t>ゲイジュツ</t>
    </rPh>
    <rPh sb="2" eb="4">
      <t>ブンカ</t>
    </rPh>
    <rPh sb="5" eb="8">
      <t>ニホンブン</t>
    </rPh>
    <phoneticPr fontId="3"/>
  </si>
  <si>
    <t>「高等学校入学以降の主体的な取り組み」申請書（任意）</t>
    <rPh sb="1" eb="5">
      <t>コウトウガッコウ</t>
    </rPh>
    <rPh sb="5" eb="9">
      <t>ニュウガクイコウ</t>
    </rPh>
    <rPh sb="10" eb="13">
      <t>シュタイテキ</t>
    </rPh>
    <rPh sb="14" eb="15">
      <t>ト</t>
    </rPh>
    <rPh sb="16" eb="17">
      <t>ク</t>
    </rPh>
    <rPh sb="19" eb="22">
      <t>シンセイショ</t>
    </rPh>
    <rPh sb="23" eb="25">
      <t>ニンイ</t>
    </rPh>
    <phoneticPr fontId="3"/>
  </si>
  <si>
    <t>芸術文化（美術）</t>
    <rPh sb="0" eb="2">
      <t>ゲイジュツ</t>
    </rPh>
    <rPh sb="2" eb="4">
      <t>ブンカ</t>
    </rPh>
    <rPh sb="5" eb="7">
      <t>ビジュツ</t>
    </rPh>
    <phoneticPr fontId="3"/>
  </si>
  <si>
    <t>学修計画書（600字）</t>
    <rPh sb="0" eb="2">
      <t>ガクシュウ</t>
    </rPh>
    <rPh sb="2" eb="5">
      <t>ケイカクショ</t>
    </rPh>
    <rPh sb="9" eb="10">
      <t>ジ</t>
    </rPh>
    <phoneticPr fontId="3"/>
  </si>
  <si>
    <t>県立広島</t>
  </si>
  <si>
    <t>地域創生、生物資源科学</t>
    <rPh sb="0" eb="2">
      <t>チイキ</t>
    </rPh>
    <rPh sb="2" eb="4">
      <t>ソウセイ</t>
    </rPh>
    <rPh sb="5" eb="7">
      <t>セイブツ</t>
    </rPh>
    <rPh sb="7" eb="9">
      <t>シゲン</t>
    </rPh>
    <rPh sb="9" eb="11">
      <t>カガク</t>
    </rPh>
    <phoneticPr fontId="2"/>
  </si>
  <si>
    <t>評価申請書（任意）</t>
    <rPh sb="0" eb="5">
      <t>ヒョウカシンセイショ</t>
    </rPh>
    <rPh sb="6" eb="8">
      <t>ニンイ</t>
    </rPh>
    <phoneticPr fontId="2"/>
  </si>
  <si>
    <t>広島</t>
    <rPh sb="0" eb="2">
      <t>ヒロシマ</t>
    </rPh>
    <phoneticPr fontId="2"/>
  </si>
  <si>
    <t>教育（生涯－健康スポーツ教育学）</t>
    <rPh sb="0" eb="2">
      <t>キョウイク</t>
    </rPh>
    <rPh sb="3" eb="5">
      <t>ショウガイ</t>
    </rPh>
    <rPh sb="6" eb="8">
      <t>ケンコウ</t>
    </rPh>
    <rPh sb="12" eb="15">
      <t>キョウイクガク</t>
    </rPh>
    <phoneticPr fontId="2"/>
  </si>
  <si>
    <t>実技実績調査書、実技実績を証明する資料</t>
    <rPh sb="0" eb="2">
      <t>ジツギ</t>
    </rPh>
    <rPh sb="2" eb="4">
      <t>ジッセキ</t>
    </rPh>
    <rPh sb="4" eb="7">
      <t>チョウサショ</t>
    </rPh>
    <rPh sb="8" eb="10">
      <t>ジツギ</t>
    </rPh>
    <rPh sb="10" eb="12">
      <t>ジッセキ</t>
    </rPh>
    <rPh sb="13" eb="15">
      <t>ショウメイ</t>
    </rPh>
    <rPh sb="17" eb="19">
      <t>シリョウ</t>
    </rPh>
    <phoneticPr fontId="2"/>
  </si>
  <si>
    <t>広島</t>
    <rPh sb="0" eb="2">
      <t>ヒロシマ</t>
    </rPh>
    <phoneticPr fontId="3"/>
  </si>
  <si>
    <t>総合科学（総合科学）</t>
    <rPh sb="0" eb="2">
      <t>ソウゴウ</t>
    </rPh>
    <rPh sb="2" eb="4">
      <t>カガク</t>
    </rPh>
    <rPh sb="5" eb="9">
      <t>ソウゴウカガク</t>
    </rPh>
    <phoneticPr fontId="3"/>
  </si>
  <si>
    <t>後</t>
    <rPh sb="0" eb="1">
      <t>ゴ</t>
    </rPh>
    <phoneticPr fontId="3"/>
  </si>
  <si>
    <t>400字</t>
    <rPh sb="3" eb="4">
      <t>ジ</t>
    </rPh>
    <phoneticPr fontId="2"/>
  </si>
  <si>
    <t>山口</t>
    <rPh sb="0" eb="2">
      <t>ヤマグチ</t>
    </rPh>
    <phoneticPr fontId="2"/>
  </si>
  <si>
    <t>農（生物資源環境科学）</t>
    <rPh sb="0" eb="1">
      <t>ノウ</t>
    </rPh>
    <rPh sb="2" eb="4">
      <t>セイブツ</t>
    </rPh>
    <rPh sb="4" eb="6">
      <t>シゲン</t>
    </rPh>
    <rPh sb="6" eb="10">
      <t>カンキョウカガク</t>
    </rPh>
    <phoneticPr fontId="2"/>
  </si>
  <si>
    <t>志望理由・自己アピール書</t>
    <rPh sb="5" eb="7">
      <t>ジコ</t>
    </rPh>
    <rPh sb="11" eb="12">
      <t>ショ</t>
    </rPh>
    <phoneticPr fontId="3"/>
  </si>
  <si>
    <t>ひと・まち未来共創</t>
    <rPh sb="5" eb="9">
      <t>ミライキョウソウ</t>
    </rPh>
    <phoneticPr fontId="2"/>
  </si>
  <si>
    <t>前</t>
    <rPh sb="0" eb="1">
      <t>ゼン</t>
    </rPh>
    <phoneticPr fontId="2"/>
  </si>
  <si>
    <t>徳島</t>
    <rPh sb="0" eb="2">
      <t>トクシマ</t>
    </rPh>
    <phoneticPr fontId="3"/>
  </si>
  <si>
    <t>理工（昼間）</t>
    <rPh sb="0" eb="2">
      <t>リコウ</t>
    </rPh>
    <rPh sb="3" eb="5">
      <t>ヒルマ</t>
    </rPh>
    <phoneticPr fontId="8"/>
  </si>
  <si>
    <t>後</t>
    <rPh sb="0" eb="1">
      <t>ゴ</t>
    </rPh>
    <phoneticPr fontId="4"/>
  </si>
  <si>
    <t>志望調書（300字）</t>
    <rPh sb="0" eb="2">
      <t>シボウ</t>
    </rPh>
    <rPh sb="2" eb="4">
      <t>チョウショ</t>
    </rPh>
    <rPh sb="8" eb="9">
      <t>ジ</t>
    </rPh>
    <phoneticPr fontId="3"/>
  </si>
  <si>
    <t>医（保健－検査技術科学）</t>
    <rPh sb="0" eb="1">
      <t>イ</t>
    </rPh>
    <rPh sb="2" eb="4">
      <t>ホケン</t>
    </rPh>
    <rPh sb="5" eb="7">
      <t>ケンサ</t>
    </rPh>
    <rPh sb="7" eb="9">
      <t>ギジュツ</t>
    </rPh>
    <rPh sb="9" eb="11">
      <t>カガク</t>
    </rPh>
    <phoneticPr fontId="8"/>
  </si>
  <si>
    <t>800～1000字</t>
  </si>
  <si>
    <t>鳴門教育</t>
    <rPh sb="0" eb="2">
      <t>ナルト</t>
    </rPh>
    <rPh sb="2" eb="4">
      <t>キョウイク</t>
    </rPh>
    <phoneticPr fontId="3"/>
  </si>
  <si>
    <t>学校教育（小中－体育･保健体育）</t>
    <rPh sb="0" eb="2">
      <t>ガッコウ</t>
    </rPh>
    <rPh sb="2" eb="4">
      <t>キョウイク</t>
    </rPh>
    <rPh sb="5" eb="7">
      <t>ショウチュウ</t>
    </rPh>
    <rPh sb="8" eb="10">
      <t>タイイク</t>
    </rPh>
    <rPh sb="11" eb="13">
      <t>ホケン</t>
    </rPh>
    <rPh sb="13" eb="15">
      <t>タイイク</t>
    </rPh>
    <phoneticPr fontId="8"/>
  </si>
  <si>
    <t>運動競技歴書</t>
    <rPh sb="0" eb="2">
      <t>ウンドウ</t>
    </rPh>
    <rPh sb="2" eb="4">
      <t>キョウギ</t>
    </rPh>
    <rPh sb="4" eb="5">
      <t>レキ</t>
    </rPh>
    <rPh sb="5" eb="6">
      <t>ショ</t>
    </rPh>
    <phoneticPr fontId="3"/>
  </si>
  <si>
    <t>香川</t>
  </si>
  <si>
    <t>愛媛</t>
    <rPh sb="0" eb="2">
      <t>エヒメ</t>
    </rPh>
    <phoneticPr fontId="3"/>
  </si>
  <si>
    <t>愛媛県立医療技術</t>
    <rPh sb="0" eb="2">
      <t>エヒメ</t>
    </rPh>
    <rPh sb="2" eb="4">
      <t>ケンリツ</t>
    </rPh>
    <rPh sb="4" eb="6">
      <t>イリョウ</t>
    </rPh>
    <rPh sb="6" eb="8">
      <t>ギジュツ</t>
    </rPh>
    <phoneticPr fontId="3"/>
  </si>
  <si>
    <t>保健科学</t>
    <rPh sb="0" eb="2">
      <t>ホケン</t>
    </rPh>
    <rPh sb="2" eb="4">
      <t>カガク</t>
    </rPh>
    <phoneticPr fontId="3"/>
  </si>
  <si>
    <t>前・後</t>
    <rPh sb="0" eb="1">
      <t>ゼン</t>
    </rPh>
    <rPh sb="2" eb="3">
      <t>コウ</t>
    </rPh>
    <phoneticPr fontId="3"/>
  </si>
  <si>
    <t>高知</t>
  </si>
  <si>
    <t>人文社会科学、理工、農林海洋科学（農林－フィールド科学、海洋－海洋生命科学）</t>
    <rPh sb="0" eb="2">
      <t>ジンブン</t>
    </rPh>
    <rPh sb="2" eb="4">
      <t>シャカイ</t>
    </rPh>
    <rPh sb="4" eb="6">
      <t>カガク</t>
    </rPh>
    <rPh sb="7" eb="9">
      <t>リコウ</t>
    </rPh>
    <phoneticPr fontId="8"/>
  </si>
  <si>
    <t>高知</t>
    <rPh sb="0" eb="2">
      <t>コウチ</t>
    </rPh>
    <phoneticPr fontId="3"/>
  </si>
  <si>
    <t>地域協働</t>
    <rPh sb="0" eb="2">
      <t>チイキ</t>
    </rPh>
    <rPh sb="2" eb="4">
      <t>キョウドウ</t>
    </rPh>
    <phoneticPr fontId="3"/>
  </si>
  <si>
    <t>教育（学校－保健体育教育・科学技術教育を除く）</t>
    <rPh sb="0" eb="2">
      <t>キョウイク</t>
    </rPh>
    <rPh sb="3" eb="5">
      <t>ガッコウ</t>
    </rPh>
    <rPh sb="6" eb="8">
      <t>ホケン</t>
    </rPh>
    <rPh sb="8" eb="10">
      <t>タイイク</t>
    </rPh>
    <rPh sb="10" eb="12">
      <t>キョウイク</t>
    </rPh>
    <rPh sb="13" eb="15">
      <t>カガク</t>
    </rPh>
    <rPh sb="15" eb="17">
      <t>ギジュツ</t>
    </rPh>
    <rPh sb="17" eb="19">
      <t>キョウイク</t>
    </rPh>
    <rPh sb="20" eb="21">
      <t>ノゾ</t>
    </rPh>
    <phoneticPr fontId="3"/>
  </si>
  <si>
    <t>教育（学校－保健体育教育）</t>
    <rPh sb="0" eb="2">
      <t>キョウイク</t>
    </rPh>
    <rPh sb="3" eb="5">
      <t>ガッコウ</t>
    </rPh>
    <rPh sb="6" eb="8">
      <t>ホケン</t>
    </rPh>
    <rPh sb="8" eb="10">
      <t>タイイク</t>
    </rPh>
    <rPh sb="10" eb="12">
      <t>キョウイク</t>
    </rPh>
    <phoneticPr fontId="3"/>
  </si>
  <si>
    <t>実技実績調べ</t>
    <rPh sb="0" eb="2">
      <t>ジツギ</t>
    </rPh>
    <rPh sb="2" eb="4">
      <t>ジッセキ</t>
    </rPh>
    <rPh sb="4" eb="5">
      <t>シラ</t>
    </rPh>
    <phoneticPr fontId="3"/>
  </si>
  <si>
    <t>高知県立</t>
  </si>
  <si>
    <t>自己ＰＲ書（400字）</t>
    <rPh sb="9" eb="10">
      <t>ジ</t>
    </rPh>
    <phoneticPr fontId="3"/>
  </si>
  <si>
    <t>北九州市立</t>
  </si>
  <si>
    <t>地域創生</t>
    <rPh sb="0" eb="2">
      <t>チイキ</t>
    </rPh>
    <rPh sb="2" eb="4">
      <t>ソウセイ</t>
    </rPh>
    <phoneticPr fontId="8"/>
  </si>
  <si>
    <t>活動・資格等実績申告書（調査書、志望理由書：1200字）</t>
    <rPh sb="0" eb="2">
      <t>カツドウ</t>
    </rPh>
    <rPh sb="3" eb="5">
      <t>シカク</t>
    </rPh>
    <rPh sb="5" eb="6">
      <t>トウ</t>
    </rPh>
    <rPh sb="6" eb="8">
      <t>ジッセキ</t>
    </rPh>
    <rPh sb="8" eb="11">
      <t>シンコクショ</t>
    </rPh>
    <rPh sb="12" eb="15">
      <t>チョウサショ</t>
    </rPh>
    <rPh sb="16" eb="18">
      <t>シボウ</t>
    </rPh>
    <rPh sb="18" eb="21">
      <t>リユウショ</t>
    </rPh>
    <phoneticPr fontId="3"/>
  </si>
  <si>
    <t>九州</t>
  </si>
  <si>
    <t>共創</t>
    <rPh sb="0" eb="2">
      <t>キョウソウ</t>
    </rPh>
    <phoneticPr fontId="8"/>
  </si>
  <si>
    <t>経済（経済工）</t>
    <rPh sb="0" eb="2">
      <t>ケイザイ</t>
    </rPh>
    <rPh sb="3" eb="5">
      <t>ケイザイ</t>
    </rPh>
    <rPh sb="5" eb="6">
      <t>コウ</t>
    </rPh>
    <phoneticPr fontId="8"/>
  </si>
  <si>
    <t>九州</t>
    <rPh sb="0" eb="2">
      <t>キュウシュウ</t>
    </rPh>
    <phoneticPr fontId="2"/>
  </si>
  <si>
    <t>芸術工（学科一括）</t>
    <rPh sb="0" eb="3">
      <t>ゲイジュツコウ</t>
    </rPh>
    <rPh sb="4" eb="6">
      <t>ガッカ</t>
    </rPh>
    <rPh sb="6" eb="8">
      <t>イッカツ</t>
    </rPh>
    <phoneticPr fontId="2"/>
  </si>
  <si>
    <t>九州工業</t>
    <rPh sb="2" eb="4">
      <t>コウギョウ</t>
    </rPh>
    <phoneticPr fontId="5"/>
  </si>
  <si>
    <t>400字、任意提出</t>
    <rPh sb="5" eb="7">
      <t>ニンイ</t>
    </rPh>
    <rPh sb="7" eb="9">
      <t>テイシュツ</t>
    </rPh>
    <phoneticPr fontId="2"/>
  </si>
  <si>
    <t>福岡教育</t>
    <rPh sb="0" eb="2">
      <t>フクオカ</t>
    </rPh>
    <rPh sb="2" eb="4">
      <t>キョウイク</t>
    </rPh>
    <phoneticPr fontId="2"/>
  </si>
  <si>
    <t>教育（初等－人文･社会教育、中等－国語・社会科・英語）</t>
    <rPh sb="0" eb="2">
      <t>キョウイク</t>
    </rPh>
    <rPh sb="3" eb="5">
      <t>ショトウ</t>
    </rPh>
    <rPh sb="6" eb="8">
      <t>ジンブン</t>
    </rPh>
    <rPh sb="9" eb="11">
      <t>シャカイ</t>
    </rPh>
    <rPh sb="11" eb="13">
      <t>キョウイク</t>
    </rPh>
    <rPh sb="14" eb="16">
      <t>チュウトウ</t>
    </rPh>
    <rPh sb="17" eb="19">
      <t>コクゴ</t>
    </rPh>
    <rPh sb="20" eb="22">
      <t>シャカイ</t>
    </rPh>
    <rPh sb="22" eb="23">
      <t>カ</t>
    </rPh>
    <rPh sb="24" eb="26">
      <t>エイゴ</t>
    </rPh>
    <phoneticPr fontId="2"/>
  </si>
  <si>
    <t>前・後</t>
    <rPh sb="0" eb="1">
      <t>マエ</t>
    </rPh>
    <rPh sb="2" eb="3">
      <t>アト</t>
    </rPh>
    <phoneticPr fontId="2"/>
  </si>
  <si>
    <t>福岡教育</t>
    <rPh sb="0" eb="4">
      <t>フクオカキョウイク</t>
    </rPh>
    <phoneticPr fontId="5"/>
  </si>
  <si>
    <t>教育（初等－芸術・実技教育（体育）、中等－保健体育）</t>
    <rPh sb="0" eb="2">
      <t>キョウイク</t>
    </rPh>
    <rPh sb="3" eb="5">
      <t>ショトウ</t>
    </rPh>
    <rPh sb="6" eb="8">
      <t>ゲイジュツ</t>
    </rPh>
    <rPh sb="9" eb="11">
      <t>ジツギ</t>
    </rPh>
    <rPh sb="11" eb="13">
      <t>キョウイク</t>
    </rPh>
    <rPh sb="14" eb="16">
      <t>タイイク</t>
    </rPh>
    <rPh sb="18" eb="20">
      <t>チュウトウ</t>
    </rPh>
    <rPh sb="21" eb="25">
      <t>ホケンタイイク</t>
    </rPh>
    <phoneticPr fontId="2"/>
  </si>
  <si>
    <t>競技歴調査書</t>
  </si>
  <si>
    <t>佐賀</t>
    <rPh sb="0" eb="2">
      <t>サガ</t>
    </rPh>
    <phoneticPr fontId="2"/>
  </si>
  <si>
    <t>経済、教育、理工、農、芸術地域デザイン（地域デザイン）</t>
    <rPh sb="3" eb="5">
      <t>キョウイク</t>
    </rPh>
    <rPh sb="11" eb="13">
      <t>ゲイジュツ</t>
    </rPh>
    <rPh sb="13" eb="15">
      <t>チイキ</t>
    </rPh>
    <rPh sb="20" eb="22">
      <t>チイキ</t>
    </rPh>
    <phoneticPr fontId="8"/>
  </si>
  <si>
    <t>前・後</t>
    <rPh sb="0" eb="1">
      <t>マエ</t>
    </rPh>
    <rPh sb="2" eb="3">
      <t>ゴ</t>
    </rPh>
    <phoneticPr fontId="4"/>
  </si>
  <si>
    <t>特色加点申請書（任意）</t>
    <rPh sb="0" eb="2">
      <t>トクショク</t>
    </rPh>
    <rPh sb="2" eb="4">
      <t>カテン</t>
    </rPh>
    <rPh sb="4" eb="7">
      <t>シンセイショ</t>
    </rPh>
    <rPh sb="8" eb="10">
      <t>ニンイ</t>
    </rPh>
    <phoneticPr fontId="2"/>
  </si>
  <si>
    <t>長崎</t>
  </si>
  <si>
    <t>医（医）、歯、薬（薬）</t>
    <rPh sb="0" eb="1">
      <t>イ</t>
    </rPh>
    <rPh sb="2" eb="3">
      <t>イ</t>
    </rPh>
    <rPh sb="5" eb="6">
      <t>ハ</t>
    </rPh>
    <rPh sb="7" eb="8">
      <t>ヤク</t>
    </rPh>
    <rPh sb="9" eb="10">
      <t>ヤク</t>
    </rPh>
    <phoneticPr fontId="8"/>
  </si>
  <si>
    <t>熊本</t>
  </si>
  <si>
    <t>大分</t>
  </si>
  <si>
    <t>経済、理工</t>
    <rPh sb="0" eb="2">
      <t>ケイザイ</t>
    </rPh>
    <rPh sb="3" eb="5">
      <t>リコウ</t>
    </rPh>
    <phoneticPr fontId="8"/>
  </si>
  <si>
    <t>特色加点申請書（任意）</t>
    <rPh sb="0" eb="2">
      <t>トクショク</t>
    </rPh>
    <rPh sb="2" eb="4">
      <t>カテン</t>
    </rPh>
    <rPh sb="4" eb="7">
      <t>シンセイショ</t>
    </rPh>
    <rPh sb="8" eb="10">
      <t>ニンイ</t>
    </rPh>
    <phoneticPr fontId="3"/>
  </si>
  <si>
    <t>大分</t>
    <rPh sb="0" eb="2">
      <t>オオイタ</t>
    </rPh>
    <phoneticPr fontId="3"/>
  </si>
  <si>
    <t>理工</t>
    <rPh sb="0" eb="2">
      <t>リコウ</t>
    </rPh>
    <phoneticPr fontId="3"/>
  </si>
  <si>
    <t>医（看護）</t>
    <rPh sb="0" eb="1">
      <t>イ</t>
    </rPh>
    <phoneticPr fontId="8"/>
  </si>
  <si>
    <t>大分県立看護科学</t>
  </si>
  <si>
    <t>宮崎</t>
  </si>
  <si>
    <t>地域資源創成</t>
    <rPh sb="0" eb="2">
      <t>チイキ</t>
    </rPh>
    <rPh sb="2" eb="4">
      <t>シゲン</t>
    </rPh>
    <rPh sb="4" eb="6">
      <t>ソウセイ</t>
    </rPh>
    <phoneticPr fontId="3"/>
  </si>
  <si>
    <t>自己申告書</t>
    <rPh sb="0" eb="2">
      <t>ジコ</t>
    </rPh>
    <rPh sb="2" eb="4">
      <t>シンコク</t>
    </rPh>
    <rPh sb="4" eb="5">
      <t>ショ</t>
    </rPh>
    <phoneticPr fontId="3"/>
  </si>
  <si>
    <t>履歴書、自己推薦書</t>
  </si>
  <si>
    <t>鹿屋体育</t>
  </si>
  <si>
    <t>体育</t>
    <rPh sb="0" eb="2">
      <t>タイイク</t>
    </rPh>
    <phoneticPr fontId="3"/>
  </si>
  <si>
    <t>指定調書、健康調査票</t>
    <rPh sb="0" eb="2">
      <t>シテイ</t>
    </rPh>
    <rPh sb="2" eb="4">
      <t>チョウショ</t>
    </rPh>
    <rPh sb="5" eb="10">
      <t>ケンコウチョウサヒョウ</t>
    </rPh>
    <phoneticPr fontId="3"/>
  </si>
  <si>
    <t>沖縄県立看護</t>
  </si>
  <si>
    <t>実績報告書、自己推薦書</t>
    <rPh sb="6" eb="11">
      <t>ジコスイセンショ</t>
    </rPh>
    <phoneticPr fontId="2"/>
  </si>
  <si>
    <t>名桜</t>
  </si>
  <si>
    <t>エントリーシート、実績報告書</t>
    <rPh sb="9" eb="11">
      <t>ジッセキ</t>
    </rPh>
    <rPh sb="11" eb="14">
      <t>ホウコクショ</t>
    </rPh>
    <phoneticPr fontId="2"/>
  </si>
  <si>
    <t>琉球</t>
  </si>
  <si>
    <t>教育（小学－学校教育）</t>
    <rPh sb="0" eb="2">
      <t>キョウイク</t>
    </rPh>
    <rPh sb="3" eb="5">
      <t>ショウガク</t>
    </rPh>
    <rPh sb="6" eb="8">
      <t>ガッコウ</t>
    </rPh>
    <rPh sb="8" eb="10">
      <t>キョウイク</t>
    </rPh>
    <phoneticPr fontId="8"/>
  </si>
  <si>
    <t>教育（中学－保健体育）</t>
    <rPh sb="0" eb="2">
      <t>キョウイク</t>
    </rPh>
    <rPh sb="3" eb="5">
      <t>チュウガク</t>
    </rPh>
    <rPh sb="6" eb="8">
      <t>ホケン</t>
    </rPh>
    <rPh sb="8" eb="10">
      <t>タイイク</t>
    </rPh>
    <phoneticPr fontId="8"/>
  </si>
  <si>
    <t>競技歴調査書</t>
    <phoneticPr fontId="2"/>
  </si>
  <si>
    <t>2025年度入試　志望理由書等の提出が必要な国公立大学</t>
    <rPh sb="9" eb="11">
      <t>シボウ</t>
    </rPh>
    <rPh sb="11" eb="13">
      <t>リユウ</t>
    </rPh>
    <rPh sb="13" eb="14">
      <t>ショ</t>
    </rPh>
    <rPh sb="14" eb="15">
      <t>トウ</t>
    </rPh>
    <rPh sb="16" eb="18">
      <t>テイシュツ</t>
    </rPh>
    <rPh sb="19" eb="21">
      <t>ヒツヨウ</t>
    </rPh>
    <rPh sb="22" eb="25">
      <t>コッコウリツ</t>
    </rPh>
    <rPh sb="25" eb="27">
      <t>ダイガ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0"/>
      <color theme="1"/>
      <name val="Meiryo UI"/>
      <family val="2"/>
      <charset val="128"/>
    </font>
    <font>
      <sz val="11"/>
      <color theme="1"/>
      <name val="游ゴシック"/>
      <family val="2"/>
      <scheme val="minor"/>
    </font>
    <font>
      <sz val="6"/>
      <name val="Meiryo UI"/>
      <family val="2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1"/>
      <color theme="1"/>
      <name val="游ゴシック"/>
      <family val="2"/>
      <charset val="128"/>
      <scheme val="minor"/>
    </font>
    <font>
      <b/>
      <sz val="14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59999389629810485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5">
    <xf numFmtId="0" fontId="0" fillId="0" borderId="0" xfId="0">
      <alignment vertical="center"/>
    </xf>
    <xf numFmtId="0" fontId="5" fillId="0" borderId="0" xfId="1" applyFont="1" applyAlignment="1">
      <alignment vertical="top"/>
    </xf>
    <xf numFmtId="0" fontId="5" fillId="0" borderId="0" xfId="1" applyFont="1" applyAlignment="1">
      <alignment horizontal="left" vertical="top"/>
    </xf>
    <xf numFmtId="0" fontId="8" fillId="2" borderId="0" xfId="1" applyFont="1" applyFill="1" applyAlignment="1">
      <alignment horizontal="center" vertical="center" wrapText="1"/>
    </xf>
    <xf numFmtId="0" fontId="5" fillId="2" borderId="1" xfId="1" applyFont="1" applyFill="1" applyBorder="1" applyAlignment="1">
      <alignment horizontal="left" vertical="top" wrapText="1"/>
    </xf>
    <xf numFmtId="0" fontId="5" fillId="0" borderId="0" xfId="0" applyFont="1">
      <alignment vertical="center"/>
    </xf>
    <xf numFmtId="0" fontId="5" fillId="2" borderId="0" xfId="1" applyFont="1" applyFill="1" applyAlignment="1">
      <alignment vertical="top"/>
    </xf>
    <xf numFmtId="0" fontId="5" fillId="0" borderId="0" xfId="0" applyFont="1" applyAlignment="1">
      <alignment horizontal="center" vertical="center"/>
    </xf>
    <xf numFmtId="0" fontId="5" fillId="3" borderId="2" xfId="0" applyFont="1" applyFill="1" applyBorder="1" applyAlignment="1">
      <alignment horizontal="center" vertical="center" wrapText="1"/>
    </xf>
    <xf numFmtId="0" fontId="5" fillId="3" borderId="3" xfId="0" applyFont="1" applyFill="1" applyBorder="1" applyAlignment="1">
      <alignment horizontal="center" vertical="center"/>
    </xf>
    <xf numFmtId="0" fontId="5" fillId="3" borderId="3" xfId="0" applyFont="1" applyFill="1" applyBorder="1" applyAlignment="1">
      <alignment horizontal="center" vertical="center" wrapText="1"/>
    </xf>
    <xf numFmtId="0" fontId="6" fillId="0" borderId="2" xfId="1" applyFont="1" applyBorder="1" applyAlignment="1">
      <alignment vertical="top" wrapText="1"/>
    </xf>
    <xf numFmtId="0" fontId="6" fillId="0" borderId="2" xfId="1" applyFont="1" applyBorder="1" applyAlignment="1">
      <alignment horizontal="left" vertical="top" wrapText="1"/>
    </xf>
    <xf numFmtId="0" fontId="6" fillId="0" borderId="2" xfId="1" applyFont="1" applyBorder="1" applyAlignment="1">
      <alignment horizontal="center" vertical="top" wrapText="1"/>
    </xf>
    <xf numFmtId="0" fontId="6" fillId="0" borderId="2" xfId="1" applyFont="1" applyBorder="1" applyAlignment="1">
      <alignment vertical="top"/>
    </xf>
    <xf numFmtId="0" fontId="6" fillId="0" borderId="2" xfId="1" applyFont="1" applyBorder="1" applyAlignment="1">
      <alignment vertical="top" shrinkToFit="1"/>
    </xf>
    <xf numFmtId="0" fontId="6" fillId="0" borderId="2" xfId="2" applyFont="1" applyBorder="1" applyAlignment="1">
      <alignment vertical="top" wrapText="1"/>
    </xf>
    <xf numFmtId="0" fontId="6" fillId="0" borderId="2" xfId="2" applyFont="1" applyBorder="1" applyAlignment="1">
      <alignment horizontal="left" vertical="top" wrapText="1"/>
    </xf>
    <xf numFmtId="0" fontId="6" fillId="0" borderId="2" xfId="2" applyFont="1" applyBorder="1" applyAlignment="1">
      <alignment horizontal="center" vertical="top" wrapText="1"/>
    </xf>
    <xf numFmtId="0" fontId="6" fillId="0" borderId="4" xfId="1" applyFont="1" applyBorder="1" applyAlignment="1">
      <alignment vertical="top" wrapText="1"/>
    </xf>
    <xf numFmtId="0" fontId="6" fillId="0" borderId="2" xfId="1" applyFont="1" applyBorder="1" applyAlignment="1">
      <alignment horizontal="center" vertical="top"/>
    </xf>
    <xf numFmtId="0" fontId="6" fillId="0" borderId="2" xfId="1" applyFont="1" applyBorder="1" applyAlignment="1">
      <alignment horizontal="center" vertical="center" wrapText="1"/>
    </xf>
    <xf numFmtId="0" fontId="6" fillId="0" borderId="2" xfId="1" applyFont="1" applyBorder="1" applyAlignment="1">
      <alignment horizontal="left" vertical="center" wrapText="1"/>
    </xf>
    <xf numFmtId="0" fontId="8" fillId="2" borderId="0" xfId="1" applyFont="1" applyFill="1" applyAlignment="1">
      <alignment horizontal="center" vertical="center" wrapText="1"/>
    </xf>
    <xf numFmtId="0" fontId="5" fillId="2" borderId="0" xfId="1" applyFont="1" applyFill="1" applyAlignment="1">
      <alignment horizontal="left" vertical="top" wrapText="1"/>
    </xf>
  </cellXfs>
  <cellStyles count="3">
    <cellStyle name="標準" xfId="0" builtinId="0"/>
    <cellStyle name="標準 2" xfId="1" xr:uid="{00000000-0005-0000-0000-000001000000}"/>
    <cellStyle name="標準 2 2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H150"/>
  <sheetViews>
    <sheetView tabSelected="1" zoomScaleNormal="100" zoomScaleSheetLayoutView="100" workbookViewId="0">
      <pane ySplit="6" topLeftCell="A7" activePane="bottomLeft" state="frozen"/>
      <selection pane="bottomLeft"/>
    </sheetView>
  </sheetViews>
  <sheetFormatPr defaultColWidth="9" defaultRowHeight="14.4" x14ac:dyDescent="0.3"/>
  <cols>
    <col min="1" max="1" width="4.36328125" customWidth="1"/>
    <col min="2" max="2" width="16" customWidth="1"/>
    <col min="3" max="3" width="26.90625" customWidth="1"/>
    <col min="4" max="4" width="7.453125" customWidth="1"/>
    <col min="5" max="6" width="9" customWidth="1"/>
    <col min="7" max="7" width="7.453125" customWidth="1"/>
    <col min="8" max="8" width="29.08984375" customWidth="1"/>
    <col min="9" max="16384" width="9" style="5"/>
  </cols>
  <sheetData>
    <row r="1" spans="1:8" ht="16.2" x14ac:dyDescent="0.3">
      <c r="A1" s="2"/>
      <c r="B1" s="23" t="s">
        <v>356</v>
      </c>
      <c r="C1" s="23"/>
      <c r="D1" s="23"/>
      <c r="E1" s="23"/>
      <c r="F1" s="23"/>
      <c r="G1" s="23"/>
      <c r="H1" s="23"/>
    </row>
    <row r="2" spans="1:8" ht="16.2" x14ac:dyDescent="0.3">
      <c r="A2" s="2"/>
      <c r="B2" s="3"/>
      <c r="C2" s="3"/>
      <c r="D2" s="3"/>
      <c r="E2" s="3"/>
      <c r="F2" s="3"/>
      <c r="G2" s="3"/>
      <c r="H2" s="3"/>
    </row>
    <row r="3" spans="1:8" ht="10.8" x14ac:dyDescent="0.3">
      <c r="A3" s="1"/>
      <c r="B3" s="24" t="s">
        <v>0</v>
      </c>
      <c r="C3" s="24"/>
      <c r="D3" s="24"/>
      <c r="E3" s="24"/>
      <c r="F3" s="24"/>
      <c r="G3" s="24"/>
      <c r="H3" s="24"/>
    </row>
    <row r="4" spans="1:8" ht="10.8" x14ac:dyDescent="0.3">
      <c r="A4" s="1"/>
      <c r="B4" s="24" t="s">
        <v>1</v>
      </c>
      <c r="C4" s="24"/>
      <c r="D4" s="24"/>
      <c r="E4" s="24"/>
      <c r="F4" s="24"/>
      <c r="G4" s="24"/>
      <c r="H4" s="24"/>
    </row>
    <row r="5" spans="1:8" ht="10.8" x14ac:dyDescent="0.3">
      <c r="A5" s="1"/>
      <c r="B5" s="4"/>
      <c r="C5" s="4"/>
      <c r="D5" s="4"/>
      <c r="E5" s="4"/>
      <c r="F5" s="4"/>
      <c r="G5" s="4"/>
      <c r="H5" s="4"/>
    </row>
    <row r="6" spans="1:8" ht="16.2" customHeight="1" x14ac:dyDescent="0.3">
      <c r="A6" s="7" t="s">
        <v>2</v>
      </c>
      <c r="B6" s="8" t="s">
        <v>3</v>
      </c>
      <c r="C6" s="10" t="s">
        <v>4</v>
      </c>
      <c r="D6" s="10" t="s">
        <v>5</v>
      </c>
      <c r="E6" s="9" t="s">
        <v>6</v>
      </c>
      <c r="F6" s="9" t="s">
        <v>7</v>
      </c>
      <c r="G6" s="10" t="s">
        <v>8</v>
      </c>
      <c r="H6" s="10" t="s">
        <v>9</v>
      </c>
    </row>
    <row r="7" spans="1:8" ht="10.8" x14ac:dyDescent="0.3">
      <c r="A7" s="1">
        <v>1005</v>
      </c>
      <c r="B7" s="19" t="s">
        <v>10</v>
      </c>
      <c r="C7" s="19" t="s">
        <v>11</v>
      </c>
      <c r="D7" s="11" t="s">
        <v>12</v>
      </c>
      <c r="E7" s="11"/>
      <c r="F7" s="11"/>
      <c r="G7" s="13" t="s">
        <v>13</v>
      </c>
      <c r="H7" s="11" t="s">
        <v>14</v>
      </c>
    </row>
    <row r="8" spans="1:8" ht="10.8" x14ac:dyDescent="0.3">
      <c r="A8" s="1">
        <v>1010</v>
      </c>
      <c r="B8" s="19" t="s">
        <v>15</v>
      </c>
      <c r="C8" s="19" t="s">
        <v>16</v>
      </c>
      <c r="D8" s="11" t="s">
        <v>17</v>
      </c>
      <c r="E8" s="13"/>
      <c r="F8" s="13" t="s">
        <v>13</v>
      </c>
      <c r="G8" s="20"/>
      <c r="H8" s="14"/>
    </row>
    <row r="9" spans="1:8" ht="10.8" x14ac:dyDescent="0.3">
      <c r="A9" s="1">
        <v>1506</v>
      </c>
      <c r="B9" s="11" t="s">
        <v>18</v>
      </c>
      <c r="C9" s="11" t="s">
        <v>19</v>
      </c>
      <c r="D9" s="11" t="s">
        <v>20</v>
      </c>
      <c r="E9" s="13" t="s">
        <v>13</v>
      </c>
      <c r="F9" s="13" t="s">
        <v>13</v>
      </c>
      <c r="G9" s="11"/>
      <c r="H9" s="14"/>
    </row>
    <row r="10" spans="1:8" ht="10.8" x14ac:dyDescent="0.3">
      <c r="A10" s="1">
        <v>1508</v>
      </c>
      <c r="B10" s="11" t="s">
        <v>21</v>
      </c>
      <c r="C10" s="11" t="s">
        <v>22</v>
      </c>
      <c r="D10" s="12" t="s">
        <v>23</v>
      </c>
      <c r="E10" s="13" t="s">
        <v>13</v>
      </c>
      <c r="F10" s="13"/>
      <c r="G10" s="20"/>
      <c r="H10" s="14"/>
    </row>
    <row r="11" spans="1:8" ht="21.6" x14ac:dyDescent="0.3">
      <c r="A11" s="1">
        <v>1030</v>
      </c>
      <c r="B11" s="11" t="s">
        <v>24</v>
      </c>
      <c r="C11" s="11" t="s">
        <v>25</v>
      </c>
      <c r="D11" s="12" t="s">
        <v>23</v>
      </c>
      <c r="E11" s="13" t="s">
        <v>13</v>
      </c>
      <c r="F11" s="13"/>
      <c r="G11" s="13" t="s">
        <v>13</v>
      </c>
      <c r="H11" s="12" t="s">
        <v>26</v>
      </c>
    </row>
    <row r="12" spans="1:8" ht="21.6" x14ac:dyDescent="0.3">
      <c r="A12" s="1">
        <v>1030</v>
      </c>
      <c r="B12" s="11" t="s">
        <v>24</v>
      </c>
      <c r="C12" s="11" t="s">
        <v>27</v>
      </c>
      <c r="D12" s="12" t="s">
        <v>17</v>
      </c>
      <c r="E12" s="13" t="s">
        <v>13</v>
      </c>
      <c r="F12" s="13"/>
      <c r="G12" s="13" t="s">
        <v>13</v>
      </c>
      <c r="H12" s="11" t="s">
        <v>26</v>
      </c>
    </row>
    <row r="13" spans="1:8" ht="21.6" x14ac:dyDescent="0.3">
      <c r="A13" s="1">
        <v>1030</v>
      </c>
      <c r="B13" s="11" t="s">
        <v>24</v>
      </c>
      <c r="C13" s="11" t="s">
        <v>28</v>
      </c>
      <c r="D13" s="12" t="s">
        <v>29</v>
      </c>
      <c r="E13" s="13"/>
      <c r="F13" s="13" t="s">
        <v>13</v>
      </c>
      <c r="G13" s="13"/>
      <c r="H13" s="12"/>
    </row>
    <row r="14" spans="1:8" ht="10.8" x14ac:dyDescent="0.3">
      <c r="A14" s="1">
        <v>1030</v>
      </c>
      <c r="B14" s="11" t="s">
        <v>24</v>
      </c>
      <c r="C14" s="11" t="s">
        <v>30</v>
      </c>
      <c r="D14" s="12" t="s">
        <v>29</v>
      </c>
      <c r="E14" s="13"/>
      <c r="F14" s="13"/>
      <c r="G14" s="13" t="s">
        <v>13</v>
      </c>
      <c r="H14" s="14" t="s">
        <v>31</v>
      </c>
    </row>
    <row r="15" spans="1:8" ht="21.6" x14ac:dyDescent="0.3">
      <c r="A15" s="1">
        <v>1030</v>
      </c>
      <c r="B15" s="11" t="s">
        <v>24</v>
      </c>
      <c r="C15" s="11" t="s">
        <v>32</v>
      </c>
      <c r="D15" s="12" t="s">
        <v>33</v>
      </c>
      <c r="E15" s="13"/>
      <c r="F15" s="13"/>
      <c r="G15" s="13" t="s">
        <v>13</v>
      </c>
      <c r="H15" s="11" t="s">
        <v>34</v>
      </c>
    </row>
    <row r="16" spans="1:8" ht="10.8" x14ac:dyDescent="0.3">
      <c r="A16" s="1">
        <v>1040</v>
      </c>
      <c r="B16" s="11" t="s">
        <v>35</v>
      </c>
      <c r="C16" s="15" t="s">
        <v>36</v>
      </c>
      <c r="D16" s="12" t="s">
        <v>37</v>
      </c>
      <c r="E16" s="13" t="s">
        <v>13</v>
      </c>
      <c r="F16" s="13"/>
      <c r="G16" s="13"/>
      <c r="H16" s="11" t="s">
        <v>38</v>
      </c>
    </row>
    <row r="17" spans="1:8" ht="10.8" x14ac:dyDescent="0.3">
      <c r="A17" s="1">
        <v>1045</v>
      </c>
      <c r="B17" s="11" t="s">
        <v>39</v>
      </c>
      <c r="C17" s="11" t="s">
        <v>40</v>
      </c>
      <c r="D17" s="12" t="s">
        <v>41</v>
      </c>
      <c r="E17" s="13"/>
      <c r="F17" s="13"/>
      <c r="G17" s="13" t="s">
        <v>13</v>
      </c>
      <c r="H17" s="12" t="s">
        <v>42</v>
      </c>
    </row>
    <row r="18" spans="1:8" ht="10.8" x14ac:dyDescent="0.3">
      <c r="A18" s="1">
        <v>1045</v>
      </c>
      <c r="B18" s="11" t="s">
        <v>39</v>
      </c>
      <c r="C18" s="11" t="s">
        <v>43</v>
      </c>
      <c r="D18" s="12" t="s">
        <v>41</v>
      </c>
      <c r="E18" s="13"/>
      <c r="F18" s="13"/>
      <c r="G18" s="20" t="s">
        <v>13</v>
      </c>
      <c r="H18" s="14" t="s">
        <v>44</v>
      </c>
    </row>
    <row r="19" spans="1:8" ht="10.8" x14ac:dyDescent="0.3">
      <c r="A19" s="1">
        <v>1045</v>
      </c>
      <c r="B19" s="11" t="s">
        <v>45</v>
      </c>
      <c r="C19" s="11" t="s">
        <v>46</v>
      </c>
      <c r="D19" s="12" t="s">
        <v>20</v>
      </c>
      <c r="E19" s="13" t="s">
        <v>13</v>
      </c>
      <c r="F19" s="13"/>
      <c r="G19" s="20"/>
      <c r="H19" s="14" t="s">
        <v>47</v>
      </c>
    </row>
    <row r="20" spans="1:8" ht="10.8" x14ac:dyDescent="0.3">
      <c r="A20" s="1">
        <v>1512</v>
      </c>
      <c r="B20" s="11" t="s">
        <v>48</v>
      </c>
      <c r="C20" s="11" t="s">
        <v>49</v>
      </c>
      <c r="D20" s="12" t="s">
        <v>50</v>
      </c>
      <c r="E20" s="13" t="s">
        <v>13</v>
      </c>
      <c r="F20" s="13"/>
      <c r="G20" s="20"/>
      <c r="H20" s="11"/>
    </row>
    <row r="21" spans="1:8" ht="10.8" x14ac:dyDescent="0.3">
      <c r="A21" s="1">
        <v>1512</v>
      </c>
      <c r="B21" s="11" t="s">
        <v>48</v>
      </c>
      <c r="C21" s="11" t="s">
        <v>51</v>
      </c>
      <c r="D21" s="12" t="s">
        <v>52</v>
      </c>
      <c r="E21" s="13" t="s">
        <v>13</v>
      </c>
      <c r="F21" s="13"/>
      <c r="G21" s="20"/>
      <c r="H21" s="14"/>
    </row>
    <row r="22" spans="1:8" ht="10.8" x14ac:dyDescent="0.3">
      <c r="A22" s="6">
        <v>1514</v>
      </c>
      <c r="B22" s="11" t="s">
        <v>53</v>
      </c>
      <c r="C22" s="11" t="s">
        <v>54</v>
      </c>
      <c r="D22" s="12" t="s">
        <v>55</v>
      </c>
      <c r="E22" s="13"/>
      <c r="F22" s="13" t="s">
        <v>13</v>
      </c>
      <c r="G22" s="13"/>
      <c r="H22" s="14"/>
    </row>
    <row r="23" spans="1:8" ht="10.8" x14ac:dyDescent="0.3">
      <c r="A23" s="6">
        <v>1514</v>
      </c>
      <c r="B23" s="11" t="s">
        <v>53</v>
      </c>
      <c r="C23" s="11" t="s">
        <v>56</v>
      </c>
      <c r="D23" s="12" t="s">
        <v>55</v>
      </c>
      <c r="E23" s="13"/>
      <c r="F23" s="13"/>
      <c r="G23" s="13" t="s">
        <v>13</v>
      </c>
      <c r="H23" s="14" t="s">
        <v>57</v>
      </c>
    </row>
    <row r="24" spans="1:8" ht="10.8" x14ac:dyDescent="0.3">
      <c r="A24" s="1">
        <v>1055</v>
      </c>
      <c r="B24" s="11" t="s">
        <v>58</v>
      </c>
      <c r="C24" s="11" t="s">
        <v>59</v>
      </c>
      <c r="D24" s="12" t="s">
        <v>60</v>
      </c>
      <c r="E24" s="13" t="s">
        <v>13</v>
      </c>
      <c r="F24" s="13"/>
      <c r="G24" s="13"/>
      <c r="H24" s="14" t="s">
        <v>61</v>
      </c>
    </row>
    <row r="25" spans="1:8" ht="21.6" x14ac:dyDescent="0.3">
      <c r="A25" s="1">
        <v>1060</v>
      </c>
      <c r="B25" s="11" t="s">
        <v>62</v>
      </c>
      <c r="C25" s="11" t="s">
        <v>63</v>
      </c>
      <c r="D25" s="12" t="s">
        <v>12</v>
      </c>
      <c r="E25" s="13"/>
      <c r="F25" s="13"/>
      <c r="G25" s="13" t="s">
        <v>13</v>
      </c>
      <c r="H25" s="12" t="s">
        <v>64</v>
      </c>
    </row>
    <row r="26" spans="1:8" ht="10.8" x14ac:dyDescent="0.3">
      <c r="A26" s="1">
        <v>1529</v>
      </c>
      <c r="B26" s="11" t="s">
        <v>65</v>
      </c>
      <c r="C26" s="11" t="s">
        <v>66</v>
      </c>
      <c r="D26" s="12" t="s">
        <v>67</v>
      </c>
      <c r="E26" s="13" t="s">
        <v>13</v>
      </c>
      <c r="F26" s="13"/>
      <c r="G26" s="13"/>
      <c r="H26" s="12"/>
    </row>
    <row r="27" spans="1:8" ht="10.8" x14ac:dyDescent="0.3">
      <c r="A27" s="1">
        <v>1065</v>
      </c>
      <c r="B27" s="11" t="s">
        <v>68</v>
      </c>
      <c r="C27" s="11" t="s">
        <v>69</v>
      </c>
      <c r="D27" s="11" t="s">
        <v>67</v>
      </c>
      <c r="E27" s="13" t="s">
        <v>13</v>
      </c>
      <c r="F27" s="11"/>
      <c r="G27" s="21"/>
      <c r="H27" s="11" t="s">
        <v>70</v>
      </c>
    </row>
    <row r="28" spans="1:8" ht="10.8" x14ac:dyDescent="0.3">
      <c r="A28" s="1">
        <v>1075</v>
      </c>
      <c r="B28" s="11" t="s">
        <v>71</v>
      </c>
      <c r="C28" s="11" t="s">
        <v>72</v>
      </c>
      <c r="D28" s="12" t="s">
        <v>55</v>
      </c>
      <c r="E28" s="13"/>
      <c r="F28" s="13"/>
      <c r="G28" s="13" t="s">
        <v>13</v>
      </c>
      <c r="H28" s="12" t="s">
        <v>73</v>
      </c>
    </row>
    <row r="29" spans="1:8" ht="10.8" x14ac:dyDescent="0.3">
      <c r="A29" s="1">
        <v>1075</v>
      </c>
      <c r="B29" s="11" t="s">
        <v>74</v>
      </c>
      <c r="C29" s="11" t="s">
        <v>75</v>
      </c>
      <c r="D29" s="12" t="s">
        <v>55</v>
      </c>
      <c r="E29" s="13"/>
      <c r="F29" s="13"/>
      <c r="G29" s="20" t="s">
        <v>13</v>
      </c>
      <c r="H29" s="14" t="s">
        <v>76</v>
      </c>
    </row>
    <row r="30" spans="1:8" ht="10.8" x14ac:dyDescent="0.3">
      <c r="A30" s="1">
        <v>1075</v>
      </c>
      <c r="B30" s="11" t="s">
        <v>71</v>
      </c>
      <c r="C30" s="11" t="s">
        <v>77</v>
      </c>
      <c r="D30" s="12" t="s">
        <v>67</v>
      </c>
      <c r="E30" s="13"/>
      <c r="F30" s="13"/>
      <c r="G30" s="13" t="s">
        <v>13</v>
      </c>
      <c r="H30" s="12" t="s">
        <v>78</v>
      </c>
    </row>
    <row r="31" spans="1:8" ht="10.8" x14ac:dyDescent="0.3">
      <c r="A31" s="1">
        <v>1085</v>
      </c>
      <c r="B31" s="11" t="s">
        <v>79</v>
      </c>
      <c r="C31" s="11" t="s">
        <v>80</v>
      </c>
      <c r="D31" s="12" t="s">
        <v>29</v>
      </c>
      <c r="E31" s="13" t="s">
        <v>13</v>
      </c>
      <c r="F31" s="13"/>
      <c r="G31" s="13"/>
      <c r="H31" s="12" t="s">
        <v>81</v>
      </c>
    </row>
    <row r="32" spans="1:8" ht="10.8" x14ac:dyDescent="0.3">
      <c r="A32" s="1">
        <v>1085</v>
      </c>
      <c r="B32" s="11" t="s">
        <v>79</v>
      </c>
      <c r="C32" s="11" t="s">
        <v>82</v>
      </c>
      <c r="D32" s="12" t="s">
        <v>37</v>
      </c>
      <c r="E32" s="13" t="s">
        <v>13</v>
      </c>
      <c r="F32" s="13"/>
      <c r="G32" s="13"/>
      <c r="H32" s="12" t="s">
        <v>81</v>
      </c>
    </row>
    <row r="33" spans="1:8" ht="21.6" x14ac:dyDescent="0.3">
      <c r="A33" s="1">
        <v>1080</v>
      </c>
      <c r="B33" s="11" t="s">
        <v>83</v>
      </c>
      <c r="C33" s="11" t="s">
        <v>84</v>
      </c>
      <c r="D33" s="12" t="s">
        <v>37</v>
      </c>
      <c r="E33" s="13" t="s">
        <v>13</v>
      </c>
      <c r="F33" s="13"/>
      <c r="G33" s="13"/>
      <c r="H33" s="12" t="s">
        <v>81</v>
      </c>
    </row>
    <row r="34" spans="1:8" ht="21.6" x14ac:dyDescent="0.3">
      <c r="A34" s="1">
        <v>1080</v>
      </c>
      <c r="B34" s="11" t="s">
        <v>83</v>
      </c>
      <c r="C34" s="11" t="s">
        <v>85</v>
      </c>
      <c r="D34" s="12" t="s">
        <v>67</v>
      </c>
      <c r="E34" s="13"/>
      <c r="F34" s="13"/>
      <c r="G34" s="13" t="s">
        <v>13</v>
      </c>
      <c r="H34" s="12" t="s">
        <v>86</v>
      </c>
    </row>
    <row r="35" spans="1:8" ht="10.8" x14ac:dyDescent="0.3">
      <c r="A35" s="1">
        <v>1095</v>
      </c>
      <c r="B35" s="11" t="s">
        <v>87</v>
      </c>
      <c r="C35" s="11" t="s">
        <v>88</v>
      </c>
      <c r="D35" s="12" t="s">
        <v>89</v>
      </c>
      <c r="E35" s="13"/>
      <c r="F35" s="13"/>
      <c r="G35" s="13" t="s">
        <v>13</v>
      </c>
      <c r="H35" s="12" t="s">
        <v>90</v>
      </c>
    </row>
    <row r="36" spans="1:8" ht="10.8" x14ac:dyDescent="0.3">
      <c r="A36" s="1">
        <v>1095</v>
      </c>
      <c r="B36" s="11" t="s">
        <v>87</v>
      </c>
      <c r="C36" s="11" t="s">
        <v>91</v>
      </c>
      <c r="D36" s="12" t="s">
        <v>12</v>
      </c>
      <c r="E36" s="13"/>
      <c r="F36" s="13"/>
      <c r="G36" s="13" t="s">
        <v>13</v>
      </c>
      <c r="H36" s="12" t="s">
        <v>90</v>
      </c>
    </row>
    <row r="37" spans="1:8" ht="10.8" x14ac:dyDescent="0.3">
      <c r="A37" s="1">
        <v>1095</v>
      </c>
      <c r="B37" s="11" t="s">
        <v>87</v>
      </c>
      <c r="C37" s="11" t="s">
        <v>92</v>
      </c>
      <c r="D37" s="12" t="s">
        <v>20</v>
      </c>
      <c r="E37" s="13"/>
      <c r="F37" s="13"/>
      <c r="G37" s="13" t="s">
        <v>13</v>
      </c>
      <c r="H37" s="22" t="s">
        <v>93</v>
      </c>
    </row>
    <row r="38" spans="1:8" ht="10.8" x14ac:dyDescent="0.3">
      <c r="A38" s="1">
        <v>1095</v>
      </c>
      <c r="B38" s="11" t="s">
        <v>94</v>
      </c>
      <c r="C38" s="11" t="s">
        <v>95</v>
      </c>
      <c r="D38" s="12" t="s">
        <v>37</v>
      </c>
      <c r="E38" s="13" t="s">
        <v>13</v>
      </c>
      <c r="F38" s="13"/>
      <c r="G38" s="13" t="s">
        <v>13</v>
      </c>
      <c r="H38" s="12" t="s">
        <v>93</v>
      </c>
    </row>
    <row r="39" spans="1:8" ht="10.8" x14ac:dyDescent="0.3">
      <c r="A39" s="1">
        <v>1524</v>
      </c>
      <c r="B39" s="11" t="s">
        <v>96</v>
      </c>
      <c r="C39" s="11" t="s">
        <v>97</v>
      </c>
      <c r="D39" s="12" t="s">
        <v>37</v>
      </c>
      <c r="E39" s="13" t="s">
        <v>13</v>
      </c>
      <c r="F39" s="13" t="s">
        <v>13</v>
      </c>
      <c r="G39" s="13"/>
      <c r="H39" s="11"/>
    </row>
    <row r="40" spans="1:8" ht="21.6" x14ac:dyDescent="0.3">
      <c r="A40" s="1">
        <v>1523</v>
      </c>
      <c r="B40" s="11" t="s">
        <v>98</v>
      </c>
      <c r="C40" s="11" t="s">
        <v>99</v>
      </c>
      <c r="D40" s="12" t="s">
        <v>37</v>
      </c>
      <c r="E40" s="13" t="s">
        <v>13</v>
      </c>
      <c r="F40" s="13"/>
      <c r="G40" s="13"/>
      <c r="H40" s="11" t="s">
        <v>100</v>
      </c>
    </row>
    <row r="41" spans="1:8" ht="10.8" x14ac:dyDescent="0.3">
      <c r="A41" s="1">
        <v>1105</v>
      </c>
      <c r="B41" s="11" t="s">
        <v>101</v>
      </c>
      <c r="C41" s="11" t="s">
        <v>102</v>
      </c>
      <c r="D41" s="12" t="s">
        <v>37</v>
      </c>
      <c r="E41" s="13"/>
      <c r="F41" s="13"/>
      <c r="G41" s="13" t="s">
        <v>13</v>
      </c>
      <c r="H41" s="12" t="s">
        <v>103</v>
      </c>
    </row>
    <row r="42" spans="1:8" ht="10.8" x14ac:dyDescent="0.3">
      <c r="A42" s="1">
        <v>1528</v>
      </c>
      <c r="B42" s="11" t="s">
        <v>104</v>
      </c>
      <c r="C42" s="11" t="s">
        <v>105</v>
      </c>
      <c r="D42" s="12" t="s">
        <v>37</v>
      </c>
      <c r="E42" s="13" t="s">
        <v>13</v>
      </c>
      <c r="F42" s="13"/>
      <c r="G42" s="13"/>
      <c r="H42" s="12"/>
    </row>
    <row r="43" spans="1:8" ht="10.8" x14ac:dyDescent="0.3">
      <c r="A43" s="1">
        <v>1120</v>
      </c>
      <c r="B43" s="11" t="s">
        <v>106</v>
      </c>
      <c r="C43" s="11" t="s">
        <v>107</v>
      </c>
      <c r="D43" s="11" t="s">
        <v>37</v>
      </c>
      <c r="E43" s="11" t="s">
        <v>13</v>
      </c>
      <c r="F43" s="11"/>
      <c r="G43" s="13"/>
      <c r="H43" s="11" t="s">
        <v>70</v>
      </c>
    </row>
    <row r="44" spans="1:8" ht="10.8" x14ac:dyDescent="0.3">
      <c r="A44" s="1">
        <v>1130</v>
      </c>
      <c r="B44" s="11" t="s">
        <v>108</v>
      </c>
      <c r="C44" s="11" t="s">
        <v>109</v>
      </c>
      <c r="D44" s="11" t="s">
        <v>110</v>
      </c>
      <c r="E44" s="11"/>
      <c r="F44" s="11"/>
      <c r="G44" s="13" t="s">
        <v>13</v>
      </c>
      <c r="H44" s="11" t="s">
        <v>111</v>
      </c>
    </row>
    <row r="45" spans="1:8" ht="10.8" x14ac:dyDescent="0.3">
      <c r="A45" s="1">
        <v>1152</v>
      </c>
      <c r="B45" s="11" t="s">
        <v>112</v>
      </c>
      <c r="C45" s="11" t="s">
        <v>113</v>
      </c>
      <c r="D45" s="11" t="s">
        <v>110</v>
      </c>
      <c r="E45" s="13"/>
      <c r="F45" s="13"/>
      <c r="G45" s="11" t="s">
        <v>13</v>
      </c>
      <c r="H45" s="11" t="s">
        <v>114</v>
      </c>
    </row>
    <row r="46" spans="1:8" ht="10.8" x14ac:dyDescent="0.3">
      <c r="A46" s="1">
        <v>1135</v>
      </c>
      <c r="B46" s="11" t="s">
        <v>115</v>
      </c>
      <c r="C46" s="11" t="s">
        <v>59</v>
      </c>
      <c r="D46" s="11" t="s">
        <v>110</v>
      </c>
      <c r="E46" s="11" t="s">
        <v>13</v>
      </c>
      <c r="F46" s="11" t="s">
        <v>13</v>
      </c>
      <c r="G46" s="13"/>
      <c r="H46" s="11"/>
    </row>
    <row r="47" spans="1:8" ht="21.6" x14ac:dyDescent="0.3">
      <c r="A47" s="1">
        <v>1135</v>
      </c>
      <c r="B47" s="11" t="s">
        <v>115</v>
      </c>
      <c r="C47" s="11" t="s">
        <v>116</v>
      </c>
      <c r="D47" s="12" t="s">
        <v>20</v>
      </c>
      <c r="E47" s="13"/>
      <c r="F47" s="13"/>
      <c r="G47" s="13" t="s">
        <v>13</v>
      </c>
      <c r="H47" s="12" t="s">
        <v>117</v>
      </c>
    </row>
    <row r="48" spans="1:8" ht="10.8" x14ac:dyDescent="0.3">
      <c r="A48" s="1">
        <v>1140</v>
      </c>
      <c r="B48" s="11" t="s">
        <v>118</v>
      </c>
      <c r="C48" s="11" t="s">
        <v>119</v>
      </c>
      <c r="D48" s="11" t="s">
        <v>67</v>
      </c>
      <c r="E48" s="11"/>
      <c r="F48" s="11"/>
      <c r="G48" s="13" t="s">
        <v>13</v>
      </c>
      <c r="H48" s="11" t="s">
        <v>120</v>
      </c>
    </row>
    <row r="49" spans="1:8" ht="10.8" x14ac:dyDescent="0.3">
      <c r="A49" s="1">
        <v>1140</v>
      </c>
      <c r="B49" s="11" t="s">
        <v>118</v>
      </c>
      <c r="C49" s="11" t="s">
        <v>121</v>
      </c>
      <c r="D49" s="11" t="s">
        <v>122</v>
      </c>
      <c r="E49" s="13" t="s">
        <v>13</v>
      </c>
      <c r="F49" s="11"/>
      <c r="G49" s="11"/>
      <c r="H49" s="11" t="s">
        <v>123</v>
      </c>
    </row>
    <row r="50" spans="1:8" ht="10.8" x14ac:dyDescent="0.3">
      <c r="A50" s="6">
        <v>1532</v>
      </c>
      <c r="B50" s="11" t="s">
        <v>124</v>
      </c>
      <c r="C50" s="11" t="s">
        <v>125</v>
      </c>
      <c r="D50" s="12" t="s">
        <v>110</v>
      </c>
      <c r="E50" s="13"/>
      <c r="F50" s="13"/>
      <c r="G50" s="13" t="s">
        <v>13</v>
      </c>
      <c r="H50" s="12" t="s">
        <v>126</v>
      </c>
    </row>
    <row r="51" spans="1:8" ht="10.8" x14ac:dyDescent="0.3">
      <c r="A51" s="1">
        <v>1160</v>
      </c>
      <c r="B51" s="11" t="s">
        <v>127</v>
      </c>
      <c r="C51" s="11" t="s">
        <v>128</v>
      </c>
      <c r="D51" s="12" t="s">
        <v>110</v>
      </c>
      <c r="E51" s="13" t="s">
        <v>13</v>
      </c>
      <c r="F51" s="13"/>
      <c r="G51" s="13"/>
      <c r="H51" s="12"/>
    </row>
    <row r="52" spans="1:8" ht="10.8" x14ac:dyDescent="0.3">
      <c r="A52" s="1">
        <v>1542</v>
      </c>
      <c r="B52" s="11" t="s">
        <v>129</v>
      </c>
      <c r="C52" s="11" t="s">
        <v>130</v>
      </c>
      <c r="D52" s="12" t="s">
        <v>131</v>
      </c>
      <c r="E52" s="13" t="s">
        <v>13</v>
      </c>
      <c r="F52" s="13"/>
      <c r="G52" s="13"/>
      <c r="H52" s="12"/>
    </row>
    <row r="53" spans="1:8" ht="10.8" x14ac:dyDescent="0.3">
      <c r="A53" s="1">
        <v>1541</v>
      </c>
      <c r="B53" s="11" t="s">
        <v>132</v>
      </c>
      <c r="C53" s="11" t="s">
        <v>19</v>
      </c>
      <c r="D53" s="12" t="s">
        <v>33</v>
      </c>
      <c r="E53" s="13" t="s">
        <v>13</v>
      </c>
      <c r="F53" s="13"/>
      <c r="G53" s="13"/>
      <c r="H53" s="12"/>
    </row>
    <row r="54" spans="1:8" ht="21.6" x14ac:dyDescent="0.3">
      <c r="A54" s="1">
        <v>1170</v>
      </c>
      <c r="B54" s="11" t="s">
        <v>133</v>
      </c>
      <c r="C54" s="11" t="s">
        <v>134</v>
      </c>
      <c r="D54" s="12" t="s">
        <v>110</v>
      </c>
      <c r="E54" s="13"/>
      <c r="F54" s="13"/>
      <c r="G54" s="13" t="s">
        <v>13</v>
      </c>
      <c r="H54" s="12" t="s">
        <v>135</v>
      </c>
    </row>
    <row r="55" spans="1:8" ht="10.8" x14ac:dyDescent="0.3">
      <c r="A55" s="1">
        <v>1540</v>
      </c>
      <c r="B55" s="11" t="s">
        <v>136</v>
      </c>
      <c r="C55" s="11" t="s">
        <v>137</v>
      </c>
      <c r="D55" s="12" t="s">
        <v>122</v>
      </c>
      <c r="E55" s="13" t="s">
        <v>13</v>
      </c>
      <c r="F55" s="13"/>
      <c r="G55" s="13" t="s">
        <v>13</v>
      </c>
      <c r="H55" s="12" t="s">
        <v>138</v>
      </c>
    </row>
    <row r="56" spans="1:8" ht="10.8" x14ac:dyDescent="0.3">
      <c r="A56" s="1">
        <v>1540</v>
      </c>
      <c r="B56" s="11" t="s">
        <v>136</v>
      </c>
      <c r="C56" s="11" t="s">
        <v>139</v>
      </c>
      <c r="D56" s="12" t="s">
        <v>122</v>
      </c>
      <c r="E56" s="13" t="s">
        <v>13</v>
      </c>
      <c r="F56" s="13"/>
      <c r="G56" s="20"/>
      <c r="H56" s="12"/>
    </row>
    <row r="57" spans="1:8" ht="10.8" x14ac:dyDescent="0.3">
      <c r="A57" s="1">
        <v>1540</v>
      </c>
      <c r="B57" s="11" t="s">
        <v>136</v>
      </c>
      <c r="C57" s="11" t="s">
        <v>140</v>
      </c>
      <c r="D57" s="12" t="s">
        <v>29</v>
      </c>
      <c r="E57" s="13" t="s">
        <v>13</v>
      </c>
      <c r="F57" s="13"/>
      <c r="G57" s="20"/>
      <c r="H57" s="14"/>
    </row>
    <row r="58" spans="1:8" ht="10.8" x14ac:dyDescent="0.3">
      <c r="A58" s="1">
        <v>1175</v>
      </c>
      <c r="B58" s="11" t="s">
        <v>141</v>
      </c>
      <c r="C58" s="11" t="s">
        <v>142</v>
      </c>
      <c r="D58" s="11" t="s">
        <v>143</v>
      </c>
      <c r="E58" s="11" t="s">
        <v>13</v>
      </c>
      <c r="F58" s="11"/>
      <c r="G58" s="13"/>
      <c r="H58" s="11"/>
    </row>
    <row r="59" spans="1:8" ht="10.8" x14ac:dyDescent="0.3">
      <c r="A59" s="1">
        <v>1546</v>
      </c>
      <c r="B59" s="11" t="s">
        <v>144</v>
      </c>
      <c r="C59" s="11" t="s">
        <v>145</v>
      </c>
      <c r="D59" s="11" t="s">
        <v>143</v>
      </c>
      <c r="E59" s="11"/>
      <c r="F59" s="11"/>
      <c r="G59" s="13" t="s">
        <v>13</v>
      </c>
      <c r="H59" s="11" t="s">
        <v>146</v>
      </c>
    </row>
    <row r="60" spans="1:8" ht="10.8" x14ac:dyDescent="0.3">
      <c r="A60" s="1">
        <v>1180</v>
      </c>
      <c r="B60" s="11" t="s">
        <v>147</v>
      </c>
      <c r="C60" s="11" t="s">
        <v>148</v>
      </c>
      <c r="D60" s="11" t="s">
        <v>20</v>
      </c>
      <c r="E60" s="11"/>
      <c r="F60" s="11"/>
      <c r="G60" s="13" t="s">
        <v>13</v>
      </c>
      <c r="H60" s="11" t="s">
        <v>149</v>
      </c>
    </row>
    <row r="61" spans="1:8" ht="10.8" x14ac:dyDescent="0.3">
      <c r="A61" s="1">
        <v>1180</v>
      </c>
      <c r="B61" s="11" t="s">
        <v>147</v>
      </c>
      <c r="C61" s="11" t="s">
        <v>150</v>
      </c>
      <c r="D61" s="12" t="s">
        <v>20</v>
      </c>
      <c r="E61" s="13"/>
      <c r="F61" s="13"/>
      <c r="G61" s="13" t="s">
        <v>13</v>
      </c>
      <c r="H61" s="14" t="s">
        <v>151</v>
      </c>
    </row>
    <row r="62" spans="1:8" ht="10.8" x14ac:dyDescent="0.3">
      <c r="A62" s="1">
        <v>1180</v>
      </c>
      <c r="B62" s="11" t="s">
        <v>147</v>
      </c>
      <c r="C62" s="11" t="s">
        <v>152</v>
      </c>
      <c r="D62" s="11" t="s">
        <v>20</v>
      </c>
      <c r="E62" s="13"/>
      <c r="F62" s="11"/>
      <c r="G62" s="13" t="s">
        <v>13</v>
      </c>
      <c r="H62" s="11" t="s">
        <v>153</v>
      </c>
    </row>
    <row r="63" spans="1:8" ht="10.8" x14ac:dyDescent="0.3">
      <c r="A63" s="1">
        <v>1543</v>
      </c>
      <c r="B63" s="11" t="s">
        <v>154</v>
      </c>
      <c r="C63" s="11" t="s">
        <v>56</v>
      </c>
      <c r="D63" s="11" t="s">
        <v>155</v>
      </c>
      <c r="E63" s="11" t="s">
        <v>13</v>
      </c>
      <c r="F63" s="11"/>
      <c r="G63" s="13"/>
      <c r="H63" s="11" t="s">
        <v>156</v>
      </c>
    </row>
    <row r="64" spans="1:8" ht="21.6" x14ac:dyDescent="0.3">
      <c r="A64" s="1">
        <v>1550</v>
      </c>
      <c r="B64" s="11" t="s">
        <v>157</v>
      </c>
      <c r="C64" s="11" t="s">
        <v>158</v>
      </c>
      <c r="D64" s="12" t="s">
        <v>159</v>
      </c>
      <c r="E64" s="13" t="s">
        <v>13</v>
      </c>
      <c r="F64" s="13"/>
      <c r="G64" s="13"/>
      <c r="H64" s="12" t="s">
        <v>160</v>
      </c>
    </row>
    <row r="65" spans="1:8" ht="10.8" x14ac:dyDescent="0.3">
      <c r="A65" s="1">
        <v>1205</v>
      </c>
      <c r="B65" s="11" t="s">
        <v>161</v>
      </c>
      <c r="C65" s="11" t="s">
        <v>162</v>
      </c>
      <c r="D65" s="12" t="s">
        <v>20</v>
      </c>
      <c r="E65" s="13"/>
      <c r="F65" s="13"/>
      <c r="G65" s="20" t="s">
        <v>13</v>
      </c>
      <c r="H65" s="14" t="s">
        <v>163</v>
      </c>
    </row>
    <row r="66" spans="1:8" ht="10.8" x14ac:dyDescent="0.3">
      <c r="A66" s="1">
        <v>1555</v>
      </c>
      <c r="B66" s="11" t="s">
        <v>164</v>
      </c>
      <c r="C66" s="11" t="s">
        <v>165</v>
      </c>
      <c r="D66" s="12" t="s">
        <v>166</v>
      </c>
      <c r="E66" s="13"/>
      <c r="F66" s="13"/>
      <c r="G66" s="20" t="s">
        <v>13</v>
      </c>
      <c r="H66" s="11" t="s">
        <v>167</v>
      </c>
    </row>
    <row r="67" spans="1:8" ht="10.8" x14ac:dyDescent="0.3">
      <c r="A67" s="1">
        <v>1555</v>
      </c>
      <c r="B67" s="11" t="s">
        <v>164</v>
      </c>
      <c r="C67" s="11" t="s">
        <v>168</v>
      </c>
      <c r="D67" s="12" t="s">
        <v>169</v>
      </c>
      <c r="E67" s="13"/>
      <c r="F67" s="13"/>
      <c r="G67" s="20" t="s">
        <v>13</v>
      </c>
      <c r="H67" s="11" t="s">
        <v>167</v>
      </c>
    </row>
    <row r="68" spans="1:8" ht="10.8" x14ac:dyDescent="0.3">
      <c r="A68" s="1">
        <v>1560</v>
      </c>
      <c r="B68" s="11" t="s">
        <v>170</v>
      </c>
      <c r="C68" s="11" t="s">
        <v>171</v>
      </c>
      <c r="D68" s="11" t="s">
        <v>172</v>
      </c>
      <c r="E68" s="11"/>
      <c r="F68" s="11"/>
      <c r="G68" s="20" t="s">
        <v>13</v>
      </c>
      <c r="H68" s="11" t="s">
        <v>173</v>
      </c>
    </row>
    <row r="69" spans="1:8" ht="21.6" x14ac:dyDescent="0.3">
      <c r="A69" s="1">
        <v>1215</v>
      </c>
      <c r="B69" s="11" t="s">
        <v>174</v>
      </c>
      <c r="C69" s="11" t="s">
        <v>59</v>
      </c>
      <c r="D69" s="12" t="s">
        <v>23</v>
      </c>
      <c r="E69" s="13"/>
      <c r="F69" s="13"/>
      <c r="G69" s="13" t="s">
        <v>13</v>
      </c>
      <c r="H69" s="12" t="s">
        <v>175</v>
      </c>
    </row>
    <row r="70" spans="1:8" ht="10.8" x14ac:dyDescent="0.3">
      <c r="A70" s="1">
        <v>1561</v>
      </c>
      <c r="B70" s="11" t="s">
        <v>176</v>
      </c>
      <c r="C70" s="11" t="s">
        <v>177</v>
      </c>
      <c r="D70" s="11" t="s">
        <v>23</v>
      </c>
      <c r="E70" s="11"/>
      <c r="F70" s="11"/>
      <c r="G70" s="13" t="s">
        <v>13</v>
      </c>
      <c r="H70" s="11" t="s">
        <v>178</v>
      </c>
    </row>
    <row r="71" spans="1:8" ht="10.8" x14ac:dyDescent="0.3">
      <c r="A71" s="1">
        <v>1225</v>
      </c>
      <c r="B71" s="11" t="s">
        <v>179</v>
      </c>
      <c r="C71" s="11" t="s">
        <v>180</v>
      </c>
      <c r="D71" s="12" t="s">
        <v>181</v>
      </c>
      <c r="E71" s="13"/>
      <c r="F71" s="13"/>
      <c r="G71" s="13" t="s">
        <v>13</v>
      </c>
      <c r="H71" s="12" t="s">
        <v>182</v>
      </c>
    </row>
    <row r="72" spans="1:8" ht="10.8" x14ac:dyDescent="0.3">
      <c r="A72" s="1">
        <v>1225</v>
      </c>
      <c r="B72" s="11" t="s">
        <v>179</v>
      </c>
      <c r="C72" s="11" t="s">
        <v>183</v>
      </c>
      <c r="D72" s="12" t="s">
        <v>122</v>
      </c>
      <c r="E72" s="13" t="s">
        <v>13</v>
      </c>
      <c r="F72" s="13"/>
      <c r="G72" s="13"/>
      <c r="H72" s="12"/>
    </row>
    <row r="73" spans="1:8" ht="10.8" x14ac:dyDescent="0.3">
      <c r="A73" s="1">
        <v>1563</v>
      </c>
      <c r="B73" s="15" t="s">
        <v>184</v>
      </c>
      <c r="C73" s="11" t="s">
        <v>185</v>
      </c>
      <c r="D73" s="12" t="s">
        <v>41</v>
      </c>
      <c r="E73" s="13"/>
      <c r="F73" s="13"/>
      <c r="G73" s="13" t="s">
        <v>13</v>
      </c>
      <c r="H73" s="12" t="s">
        <v>186</v>
      </c>
    </row>
    <row r="74" spans="1:8" ht="10.8" x14ac:dyDescent="0.3">
      <c r="A74" s="1">
        <v>1562</v>
      </c>
      <c r="B74" s="11" t="s">
        <v>187</v>
      </c>
      <c r="C74" s="11" t="s">
        <v>56</v>
      </c>
      <c r="D74" s="12" t="s">
        <v>188</v>
      </c>
      <c r="E74" s="13"/>
      <c r="F74" s="13"/>
      <c r="G74" s="13" t="s">
        <v>13</v>
      </c>
      <c r="H74" s="12" t="s">
        <v>57</v>
      </c>
    </row>
    <row r="75" spans="1:8" ht="10.8" x14ac:dyDescent="0.3">
      <c r="A75" s="1">
        <v>1230</v>
      </c>
      <c r="B75" s="11" t="s">
        <v>189</v>
      </c>
      <c r="C75" s="11" t="s">
        <v>190</v>
      </c>
      <c r="D75" s="12" t="s">
        <v>122</v>
      </c>
      <c r="E75" s="13" t="s">
        <v>13</v>
      </c>
      <c r="F75" s="13"/>
      <c r="G75" s="13"/>
      <c r="H75" s="12"/>
    </row>
    <row r="76" spans="1:8" ht="10.8" x14ac:dyDescent="0.3">
      <c r="A76" s="1">
        <v>1572</v>
      </c>
      <c r="B76" s="11" t="s">
        <v>191</v>
      </c>
      <c r="C76" s="11" t="s">
        <v>192</v>
      </c>
      <c r="D76" s="12" t="s">
        <v>122</v>
      </c>
      <c r="E76" s="13" t="s">
        <v>13</v>
      </c>
      <c r="F76" s="13"/>
      <c r="G76" s="13"/>
      <c r="H76" s="12"/>
    </row>
    <row r="77" spans="1:8" ht="10.8" x14ac:dyDescent="0.3">
      <c r="A77" s="1">
        <v>1571</v>
      </c>
      <c r="B77" s="11" t="s">
        <v>193</v>
      </c>
      <c r="C77" s="11" t="s">
        <v>194</v>
      </c>
      <c r="D77" s="12" t="s">
        <v>155</v>
      </c>
      <c r="E77" s="13" t="s">
        <v>13</v>
      </c>
      <c r="F77" s="13"/>
      <c r="G77" s="13"/>
      <c r="H77" s="12"/>
    </row>
    <row r="78" spans="1:8" ht="10.8" x14ac:dyDescent="0.3">
      <c r="A78" s="1">
        <v>1571</v>
      </c>
      <c r="B78" s="11" t="s">
        <v>193</v>
      </c>
      <c r="C78" s="11" t="s">
        <v>195</v>
      </c>
      <c r="D78" s="12" t="s">
        <v>67</v>
      </c>
      <c r="E78" s="13"/>
      <c r="F78" s="13"/>
      <c r="G78" s="13" t="s">
        <v>13</v>
      </c>
      <c r="H78" s="12" t="s">
        <v>196</v>
      </c>
    </row>
    <row r="79" spans="1:8" ht="10.8" x14ac:dyDescent="0.3">
      <c r="A79" s="1">
        <v>1240</v>
      </c>
      <c r="B79" s="11" t="s">
        <v>197</v>
      </c>
      <c r="C79" s="11" t="s">
        <v>198</v>
      </c>
      <c r="D79" s="12" t="s">
        <v>29</v>
      </c>
      <c r="E79" s="13" t="s">
        <v>13</v>
      </c>
      <c r="F79" s="13"/>
      <c r="G79" s="13"/>
      <c r="H79" s="12" t="s">
        <v>199</v>
      </c>
    </row>
    <row r="80" spans="1:8" ht="10.8" x14ac:dyDescent="0.3">
      <c r="A80" s="1">
        <v>1580</v>
      </c>
      <c r="B80" s="11" t="s">
        <v>200</v>
      </c>
      <c r="C80" s="11" t="s">
        <v>201</v>
      </c>
      <c r="D80" s="12" t="s">
        <v>202</v>
      </c>
      <c r="E80" s="13" t="s">
        <v>13</v>
      </c>
      <c r="F80" s="13" t="s">
        <v>13</v>
      </c>
      <c r="G80" s="13"/>
      <c r="H80" s="12"/>
    </row>
    <row r="81" spans="1:8" ht="10.8" x14ac:dyDescent="0.3">
      <c r="A81" s="1">
        <v>1245</v>
      </c>
      <c r="B81" s="11" t="s">
        <v>203</v>
      </c>
      <c r="C81" s="11" t="s">
        <v>142</v>
      </c>
      <c r="D81" s="12" t="s">
        <v>122</v>
      </c>
      <c r="E81" s="13"/>
      <c r="F81" s="13"/>
      <c r="G81" s="13" t="s">
        <v>13</v>
      </c>
      <c r="H81" s="12" t="s">
        <v>204</v>
      </c>
    </row>
    <row r="82" spans="1:8" ht="10.8" x14ac:dyDescent="0.3">
      <c r="A82" s="1">
        <v>1250</v>
      </c>
      <c r="B82" s="11" t="s">
        <v>205</v>
      </c>
      <c r="C82" s="11" t="s">
        <v>92</v>
      </c>
      <c r="D82" s="12" t="s">
        <v>206</v>
      </c>
      <c r="E82" s="13" t="s">
        <v>13</v>
      </c>
      <c r="F82" s="13"/>
      <c r="G82" s="13"/>
      <c r="H82" s="12"/>
    </row>
    <row r="83" spans="1:8" ht="10.8" x14ac:dyDescent="0.3">
      <c r="A83" s="1">
        <v>1250</v>
      </c>
      <c r="B83" s="11" t="s">
        <v>205</v>
      </c>
      <c r="C83" s="11" t="s">
        <v>207</v>
      </c>
      <c r="D83" s="12" t="s">
        <v>20</v>
      </c>
      <c r="E83" s="13" t="s">
        <v>13</v>
      </c>
      <c r="F83" s="13"/>
      <c r="G83" s="13"/>
      <c r="H83" s="12" t="s">
        <v>199</v>
      </c>
    </row>
    <row r="84" spans="1:8" ht="10.8" x14ac:dyDescent="0.3">
      <c r="A84" s="1">
        <v>1255</v>
      </c>
      <c r="B84" s="11" t="s">
        <v>208</v>
      </c>
      <c r="C84" s="11" t="s">
        <v>99</v>
      </c>
      <c r="D84" s="12" t="s">
        <v>155</v>
      </c>
      <c r="E84" s="13"/>
      <c r="F84" s="13"/>
      <c r="G84" s="13" t="s">
        <v>13</v>
      </c>
      <c r="H84" s="12" t="s">
        <v>209</v>
      </c>
    </row>
    <row r="85" spans="1:8" ht="10.8" x14ac:dyDescent="0.3">
      <c r="A85" s="1">
        <v>1265</v>
      </c>
      <c r="B85" s="11" t="s">
        <v>210</v>
      </c>
      <c r="C85" s="11" t="s">
        <v>211</v>
      </c>
      <c r="D85" s="12" t="s">
        <v>212</v>
      </c>
      <c r="E85" s="13" t="s">
        <v>13</v>
      </c>
      <c r="F85" s="13"/>
      <c r="G85" s="13"/>
      <c r="H85" s="12" t="s">
        <v>213</v>
      </c>
    </row>
    <row r="86" spans="1:8" ht="10.8" x14ac:dyDescent="0.3">
      <c r="A86" s="1">
        <v>1275</v>
      </c>
      <c r="B86" s="11" t="s">
        <v>214</v>
      </c>
      <c r="C86" s="11" t="s">
        <v>215</v>
      </c>
      <c r="D86" s="12" t="s">
        <v>20</v>
      </c>
      <c r="E86" s="13" t="s">
        <v>13</v>
      </c>
      <c r="F86" s="13"/>
      <c r="G86" s="13"/>
      <c r="H86" s="12" t="s">
        <v>216</v>
      </c>
    </row>
    <row r="87" spans="1:8" ht="10.8" x14ac:dyDescent="0.3">
      <c r="A87" s="1">
        <v>1587</v>
      </c>
      <c r="B87" s="11" t="s">
        <v>217</v>
      </c>
      <c r="C87" s="11" t="s">
        <v>134</v>
      </c>
      <c r="D87" s="12" t="s">
        <v>12</v>
      </c>
      <c r="E87" s="13" t="s">
        <v>13</v>
      </c>
      <c r="F87" s="13"/>
      <c r="G87" s="13"/>
      <c r="H87" s="12"/>
    </row>
    <row r="88" spans="1:8" ht="10.8" x14ac:dyDescent="0.3">
      <c r="A88" s="1">
        <v>1280</v>
      </c>
      <c r="B88" s="11" t="s">
        <v>218</v>
      </c>
      <c r="C88" s="11" t="s">
        <v>183</v>
      </c>
      <c r="D88" s="12" t="s">
        <v>122</v>
      </c>
      <c r="E88" s="13" t="s">
        <v>13</v>
      </c>
      <c r="F88" s="13"/>
      <c r="G88" s="11"/>
      <c r="H88" s="12" t="s">
        <v>219</v>
      </c>
    </row>
    <row r="89" spans="1:8" ht="10.8" x14ac:dyDescent="0.3">
      <c r="A89" s="1">
        <v>1285</v>
      </c>
      <c r="B89" s="11" t="s">
        <v>220</v>
      </c>
      <c r="C89" s="11" t="s">
        <v>211</v>
      </c>
      <c r="D89" s="11" t="s">
        <v>166</v>
      </c>
      <c r="E89" s="13" t="s">
        <v>13</v>
      </c>
      <c r="F89" s="11"/>
      <c r="G89" s="11"/>
      <c r="H89" s="11" t="s">
        <v>199</v>
      </c>
    </row>
    <row r="90" spans="1:8" ht="10.8" x14ac:dyDescent="0.3">
      <c r="A90" s="1">
        <v>1285</v>
      </c>
      <c r="B90" s="11" t="s">
        <v>221</v>
      </c>
      <c r="C90" s="11" t="s">
        <v>222</v>
      </c>
      <c r="D90" s="12" t="s">
        <v>223</v>
      </c>
      <c r="E90" s="13"/>
      <c r="F90" s="13"/>
      <c r="G90" s="13" t="s">
        <v>13</v>
      </c>
      <c r="H90" s="12" t="s">
        <v>224</v>
      </c>
    </row>
    <row r="91" spans="1:8" ht="10.8" x14ac:dyDescent="0.3">
      <c r="A91" s="1">
        <v>1305</v>
      </c>
      <c r="B91" s="11" t="s">
        <v>225</v>
      </c>
      <c r="C91" s="11" t="s">
        <v>226</v>
      </c>
      <c r="D91" s="12" t="s">
        <v>227</v>
      </c>
      <c r="E91" s="13" t="s">
        <v>13</v>
      </c>
      <c r="F91" s="13" t="s">
        <v>13</v>
      </c>
      <c r="G91" s="13"/>
      <c r="H91" s="12"/>
    </row>
    <row r="92" spans="1:8" ht="21.6" x14ac:dyDescent="0.3">
      <c r="A92" s="1">
        <v>1305</v>
      </c>
      <c r="B92" s="11" t="s">
        <v>225</v>
      </c>
      <c r="C92" s="11" t="s">
        <v>228</v>
      </c>
      <c r="D92" s="12" t="s">
        <v>229</v>
      </c>
      <c r="E92" s="13" t="s">
        <v>13</v>
      </c>
      <c r="F92" s="13"/>
      <c r="G92" s="13"/>
      <c r="H92" s="12"/>
    </row>
    <row r="93" spans="1:8" ht="10.8" x14ac:dyDescent="0.3">
      <c r="A93" s="1">
        <v>1615</v>
      </c>
      <c r="B93" s="11" t="s">
        <v>230</v>
      </c>
      <c r="C93" s="11" t="s">
        <v>231</v>
      </c>
      <c r="D93" s="12" t="s">
        <v>29</v>
      </c>
      <c r="E93" s="13"/>
      <c r="F93" s="13"/>
      <c r="G93" s="13" t="s">
        <v>13</v>
      </c>
      <c r="H93" s="12" t="s">
        <v>232</v>
      </c>
    </row>
    <row r="94" spans="1:8" ht="10.8" x14ac:dyDescent="0.3">
      <c r="A94" s="1">
        <v>1615</v>
      </c>
      <c r="B94" s="11" t="s">
        <v>230</v>
      </c>
      <c r="C94" s="11" t="s">
        <v>233</v>
      </c>
      <c r="D94" s="12" t="s">
        <v>234</v>
      </c>
      <c r="E94" s="13" t="s">
        <v>13</v>
      </c>
      <c r="F94" s="13"/>
      <c r="G94" s="13"/>
      <c r="H94" s="12"/>
    </row>
    <row r="95" spans="1:8" ht="10.8" x14ac:dyDescent="0.3">
      <c r="A95" s="1">
        <v>1628</v>
      </c>
      <c r="B95" s="11" t="s">
        <v>235</v>
      </c>
      <c r="C95" s="11" t="s">
        <v>236</v>
      </c>
      <c r="D95" s="12" t="s">
        <v>237</v>
      </c>
      <c r="E95" s="13" t="s">
        <v>13</v>
      </c>
      <c r="F95" s="13"/>
      <c r="G95" s="13"/>
      <c r="H95" s="12" t="s">
        <v>238</v>
      </c>
    </row>
    <row r="96" spans="1:8" ht="10.8" x14ac:dyDescent="0.3">
      <c r="A96" s="1">
        <v>1320</v>
      </c>
      <c r="B96" s="11" t="s">
        <v>239</v>
      </c>
      <c r="C96" s="11" t="s">
        <v>240</v>
      </c>
      <c r="D96" s="12" t="s">
        <v>212</v>
      </c>
      <c r="E96" s="13" t="s">
        <v>13</v>
      </c>
      <c r="F96" s="13" t="s">
        <v>13</v>
      </c>
      <c r="G96" s="13"/>
      <c r="H96" s="12" t="s">
        <v>241</v>
      </c>
    </row>
    <row r="97" spans="1:8" ht="10.8" x14ac:dyDescent="0.3">
      <c r="A97" s="1">
        <v>1627</v>
      </c>
      <c r="B97" s="11" t="s">
        <v>242</v>
      </c>
      <c r="C97" s="11" t="s">
        <v>56</v>
      </c>
      <c r="D97" s="12" t="s">
        <v>155</v>
      </c>
      <c r="E97" s="13" t="s">
        <v>13</v>
      </c>
      <c r="F97" s="13"/>
      <c r="G97" s="13"/>
      <c r="H97" s="12" t="s">
        <v>243</v>
      </c>
    </row>
    <row r="98" spans="1:8" ht="10.8" x14ac:dyDescent="0.3">
      <c r="A98" s="1">
        <v>1325</v>
      </c>
      <c r="B98" s="11" t="s">
        <v>244</v>
      </c>
      <c r="C98" s="11" t="s">
        <v>245</v>
      </c>
      <c r="D98" s="12" t="s">
        <v>246</v>
      </c>
      <c r="E98" s="13"/>
      <c r="F98" s="13"/>
      <c r="G98" s="13" t="s">
        <v>13</v>
      </c>
      <c r="H98" s="12" t="s">
        <v>247</v>
      </c>
    </row>
    <row r="99" spans="1:8" ht="10.8" x14ac:dyDescent="0.3">
      <c r="A99" s="1">
        <v>1645</v>
      </c>
      <c r="B99" s="11" t="s">
        <v>248</v>
      </c>
      <c r="C99" s="11" t="s">
        <v>249</v>
      </c>
      <c r="D99" s="12" t="s">
        <v>122</v>
      </c>
      <c r="E99" s="13"/>
      <c r="F99" s="13"/>
      <c r="G99" s="13" t="s">
        <v>13</v>
      </c>
      <c r="H99" s="12" t="s">
        <v>250</v>
      </c>
    </row>
    <row r="100" spans="1:8" ht="10.8" x14ac:dyDescent="0.3">
      <c r="A100" s="1">
        <v>1645</v>
      </c>
      <c r="B100" s="11" t="s">
        <v>248</v>
      </c>
      <c r="C100" s="11" t="s">
        <v>251</v>
      </c>
      <c r="D100" s="12" t="s">
        <v>50</v>
      </c>
      <c r="E100" s="13"/>
      <c r="F100" s="13"/>
      <c r="G100" s="13" t="s">
        <v>13</v>
      </c>
      <c r="H100" s="12" t="s">
        <v>252</v>
      </c>
    </row>
    <row r="101" spans="1:8" ht="10.8" x14ac:dyDescent="0.3">
      <c r="A101" s="1">
        <v>1340</v>
      </c>
      <c r="B101" s="11" t="s">
        <v>253</v>
      </c>
      <c r="C101" s="11" t="s">
        <v>254</v>
      </c>
      <c r="D101" s="12" t="s">
        <v>122</v>
      </c>
      <c r="E101" s="13" t="s">
        <v>13</v>
      </c>
      <c r="F101" s="13"/>
      <c r="G101" s="13"/>
      <c r="H101" s="12"/>
    </row>
    <row r="102" spans="1:8" ht="10.8" x14ac:dyDescent="0.3">
      <c r="A102" s="1">
        <v>1340</v>
      </c>
      <c r="B102" s="11" t="s">
        <v>253</v>
      </c>
      <c r="C102" s="11" t="s">
        <v>255</v>
      </c>
      <c r="D102" s="12" t="s">
        <v>212</v>
      </c>
      <c r="E102" s="13"/>
      <c r="F102" s="13"/>
      <c r="G102" s="13" t="s">
        <v>13</v>
      </c>
      <c r="H102" s="12" t="s">
        <v>256</v>
      </c>
    </row>
    <row r="103" spans="1:8" ht="21.6" x14ac:dyDescent="0.3">
      <c r="A103" s="1">
        <v>1340</v>
      </c>
      <c r="B103" s="11" t="s">
        <v>253</v>
      </c>
      <c r="C103" s="11" t="s">
        <v>257</v>
      </c>
      <c r="D103" s="12" t="s">
        <v>122</v>
      </c>
      <c r="E103" s="13" t="s">
        <v>13</v>
      </c>
      <c r="F103" s="13"/>
      <c r="G103" s="13" t="s">
        <v>13</v>
      </c>
      <c r="H103" s="12" t="s">
        <v>258</v>
      </c>
    </row>
    <row r="104" spans="1:8" ht="10.8" x14ac:dyDescent="0.3">
      <c r="A104" s="1">
        <v>1647</v>
      </c>
      <c r="B104" s="11" t="s">
        <v>259</v>
      </c>
      <c r="C104" s="11" t="s">
        <v>260</v>
      </c>
      <c r="D104" s="12" t="s">
        <v>122</v>
      </c>
      <c r="E104" s="13" t="s">
        <v>13</v>
      </c>
      <c r="F104" s="13"/>
      <c r="G104" s="13"/>
      <c r="H104" s="12"/>
    </row>
    <row r="105" spans="1:8" ht="10.8" x14ac:dyDescent="0.3">
      <c r="A105" s="1">
        <v>1647</v>
      </c>
      <c r="B105" s="11" t="s">
        <v>259</v>
      </c>
      <c r="C105" s="11" t="s">
        <v>261</v>
      </c>
      <c r="D105" s="11" t="s">
        <v>20</v>
      </c>
      <c r="E105" s="13"/>
      <c r="F105" s="11" t="s">
        <v>13</v>
      </c>
      <c r="G105" s="11"/>
      <c r="H105" s="11" t="s">
        <v>262</v>
      </c>
    </row>
    <row r="106" spans="1:8" ht="21.6" x14ac:dyDescent="0.3">
      <c r="A106" s="1">
        <v>1648</v>
      </c>
      <c r="B106" s="16" t="s">
        <v>263</v>
      </c>
      <c r="C106" s="16" t="s">
        <v>264</v>
      </c>
      <c r="D106" s="17" t="s">
        <v>234</v>
      </c>
      <c r="E106" s="18" t="s">
        <v>13</v>
      </c>
      <c r="F106" s="18"/>
      <c r="G106" s="18"/>
      <c r="H106" s="17" t="s">
        <v>265</v>
      </c>
    </row>
    <row r="107" spans="1:8" ht="10.8" x14ac:dyDescent="0.3">
      <c r="A107" s="1">
        <v>1660</v>
      </c>
      <c r="B107" s="11" t="s">
        <v>266</v>
      </c>
      <c r="C107" s="11" t="s">
        <v>267</v>
      </c>
      <c r="D107" s="12" t="s">
        <v>237</v>
      </c>
      <c r="E107" s="13" t="s">
        <v>13</v>
      </c>
      <c r="F107" s="13"/>
      <c r="G107" s="13"/>
      <c r="H107" s="12"/>
    </row>
    <row r="108" spans="1:8" ht="21.6" x14ac:dyDescent="0.3">
      <c r="A108" s="1">
        <v>1653</v>
      </c>
      <c r="B108" s="11" t="s">
        <v>268</v>
      </c>
      <c r="C108" s="11" t="s">
        <v>269</v>
      </c>
      <c r="D108" s="12" t="s">
        <v>110</v>
      </c>
      <c r="E108" s="13"/>
      <c r="F108" s="13"/>
      <c r="G108" s="13" t="s">
        <v>13</v>
      </c>
      <c r="H108" s="12" t="s">
        <v>270</v>
      </c>
    </row>
    <row r="109" spans="1:8" ht="10.8" x14ac:dyDescent="0.3">
      <c r="A109" s="1">
        <v>1653</v>
      </c>
      <c r="B109" s="11" t="s">
        <v>268</v>
      </c>
      <c r="C109" s="11" t="s">
        <v>271</v>
      </c>
      <c r="D109" s="12" t="s">
        <v>110</v>
      </c>
      <c r="E109" s="13"/>
      <c r="F109" s="13"/>
      <c r="G109" s="13" t="s">
        <v>13</v>
      </c>
      <c r="H109" s="12" t="s">
        <v>272</v>
      </c>
    </row>
    <row r="110" spans="1:8" ht="10.8" x14ac:dyDescent="0.3">
      <c r="A110" s="1">
        <v>1656</v>
      </c>
      <c r="B110" s="11" t="s">
        <v>273</v>
      </c>
      <c r="C110" s="11" t="s">
        <v>274</v>
      </c>
      <c r="D110" s="12" t="s">
        <v>52</v>
      </c>
      <c r="E110" s="13"/>
      <c r="F110" s="13"/>
      <c r="G110" s="13" t="s">
        <v>13</v>
      </c>
      <c r="H110" s="12" t="s">
        <v>275</v>
      </c>
    </row>
    <row r="111" spans="1:8" ht="10.8" x14ac:dyDescent="0.3">
      <c r="A111" s="1">
        <v>1656</v>
      </c>
      <c r="B111" s="11" t="s">
        <v>273</v>
      </c>
      <c r="C111" s="11" t="s">
        <v>130</v>
      </c>
      <c r="D111" s="12" t="s">
        <v>52</v>
      </c>
      <c r="E111" s="13" t="s">
        <v>13</v>
      </c>
      <c r="F111" s="13"/>
      <c r="G111" s="13" t="s">
        <v>13</v>
      </c>
      <c r="H111" s="12" t="s">
        <v>275</v>
      </c>
    </row>
    <row r="112" spans="1:8" ht="10.8" x14ac:dyDescent="0.3">
      <c r="A112" s="1">
        <v>1360</v>
      </c>
      <c r="B112" s="11" t="s">
        <v>276</v>
      </c>
      <c r="C112" s="11" t="s">
        <v>277</v>
      </c>
      <c r="D112" s="12" t="s">
        <v>29</v>
      </c>
      <c r="E112" s="13"/>
      <c r="F112" s="13"/>
      <c r="G112" s="13" t="s">
        <v>13</v>
      </c>
      <c r="H112" s="12" t="s">
        <v>278</v>
      </c>
    </row>
    <row r="113" spans="1:8" ht="10.8" x14ac:dyDescent="0.3">
      <c r="A113" s="1">
        <v>1360</v>
      </c>
      <c r="B113" s="11" t="s">
        <v>279</v>
      </c>
      <c r="C113" s="11" t="s">
        <v>280</v>
      </c>
      <c r="D113" s="12" t="s">
        <v>281</v>
      </c>
      <c r="E113" s="13" t="s">
        <v>13</v>
      </c>
      <c r="F113" s="13"/>
      <c r="G113" s="13"/>
      <c r="H113" s="12" t="s">
        <v>282</v>
      </c>
    </row>
    <row r="114" spans="1:8" ht="10.8" x14ac:dyDescent="0.3">
      <c r="A114" s="1">
        <v>1365</v>
      </c>
      <c r="B114" s="11" t="s">
        <v>283</v>
      </c>
      <c r="C114" s="11" t="s">
        <v>284</v>
      </c>
      <c r="D114" s="12" t="s">
        <v>223</v>
      </c>
      <c r="E114" s="13"/>
      <c r="F114" s="13"/>
      <c r="G114" s="13" t="s">
        <v>13</v>
      </c>
      <c r="H114" s="12" t="s">
        <v>285</v>
      </c>
    </row>
    <row r="115" spans="1:8" ht="10.8" x14ac:dyDescent="0.3">
      <c r="A115" s="1">
        <v>1365</v>
      </c>
      <c r="B115" s="11" t="s">
        <v>283</v>
      </c>
      <c r="C115" s="11" t="s">
        <v>286</v>
      </c>
      <c r="D115" s="12" t="s">
        <v>287</v>
      </c>
      <c r="E115" s="13" t="s">
        <v>13</v>
      </c>
      <c r="F115" s="13"/>
      <c r="G115" s="13"/>
      <c r="H115" s="12"/>
    </row>
    <row r="116" spans="1:8" ht="10.8" x14ac:dyDescent="0.3">
      <c r="A116" s="1">
        <v>1370</v>
      </c>
      <c r="B116" s="11" t="s">
        <v>288</v>
      </c>
      <c r="C116" s="11" t="s">
        <v>289</v>
      </c>
      <c r="D116" s="12" t="s">
        <v>290</v>
      </c>
      <c r="E116" s="13"/>
      <c r="F116" s="13"/>
      <c r="G116" s="13" t="s">
        <v>13</v>
      </c>
      <c r="H116" s="12" t="s">
        <v>291</v>
      </c>
    </row>
    <row r="117" spans="1:8" ht="10.8" x14ac:dyDescent="0.3">
      <c r="A117" s="1">
        <v>1370</v>
      </c>
      <c r="B117" s="11" t="s">
        <v>288</v>
      </c>
      <c r="C117" s="11" t="s">
        <v>292</v>
      </c>
      <c r="D117" s="12" t="s">
        <v>122</v>
      </c>
      <c r="E117" s="13" t="s">
        <v>13</v>
      </c>
      <c r="F117" s="13"/>
      <c r="G117" s="13"/>
      <c r="H117" s="12" t="s">
        <v>282</v>
      </c>
    </row>
    <row r="118" spans="1:8" ht="10.8" x14ac:dyDescent="0.3">
      <c r="A118" s="1">
        <v>1370</v>
      </c>
      <c r="B118" s="11" t="s">
        <v>288</v>
      </c>
      <c r="C118" s="11" t="s">
        <v>249</v>
      </c>
      <c r="D118" s="12" t="s">
        <v>290</v>
      </c>
      <c r="E118" s="13" t="s">
        <v>13</v>
      </c>
      <c r="F118" s="13"/>
      <c r="G118" s="13"/>
      <c r="H118" s="12" t="s">
        <v>293</v>
      </c>
    </row>
    <row r="119" spans="1:8" ht="10.8" x14ac:dyDescent="0.3">
      <c r="A119" s="1">
        <v>1375</v>
      </c>
      <c r="B119" s="11" t="s">
        <v>294</v>
      </c>
      <c r="C119" s="11" t="s">
        <v>295</v>
      </c>
      <c r="D119" s="12" t="s">
        <v>122</v>
      </c>
      <c r="E119" s="13"/>
      <c r="F119" s="13"/>
      <c r="G119" s="13" t="s">
        <v>13</v>
      </c>
      <c r="H119" s="12" t="s">
        <v>296</v>
      </c>
    </row>
    <row r="120" spans="1:8" ht="10.8" x14ac:dyDescent="0.3">
      <c r="A120" s="1">
        <v>1380</v>
      </c>
      <c r="B120" s="11" t="s">
        <v>297</v>
      </c>
      <c r="C120" s="11" t="s">
        <v>82</v>
      </c>
      <c r="D120" s="12" t="s">
        <v>122</v>
      </c>
      <c r="E120" s="13" t="s">
        <v>13</v>
      </c>
      <c r="F120" s="13"/>
      <c r="G120" s="13"/>
      <c r="H120" s="12" t="s">
        <v>123</v>
      </c>
    </row>
    <row r="121" spans="1:8" ht="10.8" x14ac:dyDescent="0.3">
      <c r="A121" s="1">
        <v>1390</v>
      </c>
      <c r="B121" s="11" t="s">
        <v>298</v>
      </c>
      <c r="C121" s="11" t="s">
        <v>211</v>
      </c>
      <c r="D121" s="12" t="s">
        <v>212</v>
      </c>
      <c r="E121" s="13"/>
      <c r="F121" s="13" t="s">
        <v>13</v>
      </c>
      <c r="G121" s="13"/>
      <c r="H121" s="12"/>
    </row>
    <row r="122" spans="1:8" ht="10.8" x14ac:dyDescent="0.3">
      <c r="A122" s="1">
        <v>1668</v>
      </c>
      <c r="B122" s="11" t="s">
        <v>299</v>
      </c>
      <c r="C122" s="11" t="s">
        <v>300</v>
      </c>
      <c r="D122" s="12" t="s">
        <v>301</v>
      </c>
      <c r="E122" s="13"/>
      <c r="F122" s="13" t="s">
        <v>13</v>
      </c>
      <c r="G122" s="13"/>
      <c r="H122" s="12"/>
    </row>
    <row r="123" spans="1:8" ht="21.6" x14ac:dyDescent="0.3">
      <c r="A123" s="1">
        <v>1395</v>
      </c>
      <c r="B123" s="11" t="s">
        <v>302</v>
      </c>
      <c r="C123" s="11" t="s">
        <v>303</v>
      </c>
      <c r="D123" s="12" t="s">
        <v>122</v>
      </c>
      <c r="E123" s="13"/>
      <c r="F123" s="13" t="s">
        <v>13</v>
      </c>
      <c r="G123" s="13"/>
      <c r="H123" s="12"/>
    </row>
    <row r="124" spans="1:8" ht="10.8" x14ac:dyDescent="0.3">
      <c r="A124" s="1">
        <v>1395</v>
      </c>
      <c r="B124" s="11" t="s">
        <v>304</v>
      </c>
      <c r="C124" s="11" t="s">
        <v>305</v>
      </c>
      <c r="D124" s="12" t="s">
        <v>20</v>
      </c>
      <c r="E124" s="13" t="s">
        <v>13</v>
      </c>
      <c r="F124" s="13"/>
      <c r="G124" s="13"/>
      <c r="H124" s="12"/>
    </row>
    <row r="125" spans="1:8" ht="21.6" x14ac:dyDescent="0.3">
      <c r="A125" s="1">
        <v>1395</v>
      </c>
      <c r="B125" s="11" t="s">
        <v>302</v>
      </c>
      <c r="C125" s="11" t="s">
        <v>306</v>
      </c>
      <c r="D125" s="12" t="s">
        <v>122</v>
      </c>
      <c r="E125" s="13" t="s">
        <v>13</v>
      </c>
      <c r="F125" s="13" t="s">
        <v>13</v>
      </c>
      <c r="G125" s="13"/>
      <c r="H125" s="12"/>
    </row>
    <row r="126" spans="1:8" ht="10.8" x14ac:dyDescent="0.3">
      <c r="A126" s="1">
        <v>1395</v>
      </c>
      <c r="B126" s="11" t="s">
        <v>302</v>
      </c>
      <c r="C126" s="11" t="s">
        <v>307</v>
      </c>
      <c r="D126" s="12" t="s">
        <v>122</v>
      </c>
      <c r="E126" s="13" t="s">
        <v>13</v>
      </c>
      <c r="F126" s="13" t="s">
        <v>13</v>
      </c>
      <c r="G126" s="13" t="s">
        <v>13</v>
      </c>
      <c r="H126" s="12" t="s">
        <v>308</v>
      </c>
    </row>
    <row r="127" spans="1:8" ht="10.8" x14ac:dyDescent="0.3">
      <c r="A127" s="1">
        <v>1670</v>
      </c>
      <c r="B127" s="11" t="s">
        <v>309</v>
      </c>
      <c r="C127" s="11" t="s">
        <v>49</v>
      </c>
      <c r="D127" s="12" t="s">
        <v>290</v>
      </c>
      <c r="E127" s="13"/>
      <c r="F127" s="13"/>
      <c r="G127" s="13" t="s">
        <v>13</v>
      </c>
      <c r="H127" s="12" t="s">
        <v>310</v>
      </c>
    </row>
    <row r="128" spans="1:8" ht="21.6" x14ac:dyDescent="0.3">
      <c r="A128" s="1">
        <v>1675</v>
      </c>
      <c r="B128" s="11" t="s">
        <v>311</v>
      </c>
      <c r="C128" s="11" t="s">
        <v>312</v>
      </c>
      <c r="D128" s="12" t="s">
        <v>122</v>
      </c>
      <c r="E128" s="13"/>
      <c r="F128" s="13"/>
      <c r="G128" s="13" t="s">
        <v>13</v>
      </c>
      <c r="H128" s="12" t="s">
        <v>313</v>
      </c>
    </row>
    <row r="129" spans="1:8" ht="10.8" x14ac:dyDescent="0.3">
      <c r="A129" s="1">
        <v>1405</v>
      </c>
      <c r="B129" s="11" t="s">
        <v>314</v>
      </c>
      <c r="C129" s="11" t="s">
        <v>315</v>
      </c>
      <c r="D129" s="12" t="s">
        <v>122</v>
      </c>
      <c r="E129" s="13" t="s">
        <v>13</v>
      </c>
      <c r="F129" s="13"/>
      <c r="G129" s="13"/>
      <c r="H129" s="12"/>
    </row>
    <row r="130" spans="1:8" ht="10.8" x14ac:dyDescent="0.3">
      <c r="A130" s="1">
        <v>1405</v>
      </c>
      <c r="B130" s="11" t="s">
        <v>314</v>
      </c>
      <c r="C130" s="11" t="s">
        <v>316</v>
      </c>
      <c r="D130" s="12" t="s">
        <v>60</v>
      </c>
      <c r="E130" s="13" t="s">
        <v>13</v>
      </c>
      <c r="F130" s="13"/>
      <c r="G130" s="13"/>
      <c r="H130" s="12"/>
    </row>
    <row r="131" spans="1:8" ht="10.8" x14ac:dyDescent="0.3">
      <c r="A131" s="1">
        <v>1405</v>
      </c>
      <c r="B131" s="11" t="s">
        <v>317</v>
      </c>
      <c r="C131" s="11" t="s">
        <v>318</v>
      </c>
      <c r="D131" s="12" t="s">
        <v>67</v>
      </c>
      <c r="E131" s="13" t="s">
        <v>13</v>
      </c>
      <c r="F131" s="13"/>
      <c r="G131" s="13"/>
      <c r="H131" s="12"/>
    </row>
    <row r="132" spans="1:8" ht="10.8" x14ac:dyDescent="0.3">
      <c r="A132" s="1">
        <v>1405</v>
      </c>
      <c r="B132" s="11" t="s">
        <v>314</v>
      </c>
      <c r="C132" s="11" t="s">
        <v>183</v>
      </c>
      <c r="D132" s="12" t="s">
        <v>122</v>
      </c>
      <c r="E132" s="13" t="s">
        <v>13</v>
      </c>
      <c r="F132" s="13"/>
      <c r="G132" s="13"/>
      <c r="H132" s="12"/>
    </row>
    <row r="133" spans="1:8" ht="10.8" x14ac:dyDescent="0.3">
      <c r="A133" s="1">
        <v>1415</v>
      </c>
      <c r="B133" s="11" t="s">
        <v>319</v>
      </c>
      <c r="C133" s="11" t="s">
        <v>97</v>
      </c>
      <c r="D133" s="12" t="s">
        <v>122</v>
      </c>
      <c r="E133" s="13" t="s">
        <v>13</v>
      </c>
      <c r="F133" s="13"/>
      <c r="G133" s="13"/>
      <c r="H133" s="12" t="s">
        <v>320</v>
      </c>
    </row>
    <row r="134" spans="1:8" ht="21.6" x14ac:dyDescent="0.3">
      <c r="A134" s="1">
        <v>1420</v>
      </c>
      <c r="B134" s="11" t="s">
        <v>321</v>
      </c>
      <c r="C134" s="11" t="s">
        <v>322</v>
      </c>
      <c r="D134" s="12" t="s">
        <v>323</v>
      </c>
      <c r="E134" s="13" t="s">
        <v>13</v>
      </c>
      <c r="F134" s="13"/>
      <c r="G134" s="13"/>
      <c r="H134" s="12"/>
    </row>
    <row r="135" spans="1:8" ht="21.6" x14ac:dyDescent="0.3">
      <c r="A135" s="1">
        <v>1420</v>
      </c>
      <c r="B135" s="11" t="s">
        <v>324</v>
      </c>
      <c r="C135" s="11" t="s">
        <v>325</v>
      </c>
      <c r="D135" s="11" t="s">
        <v>122</v>
      </c>
      <c r="E135" s="11"/>
      <c r="F135" s="11"/>
      <c r="G135" s="13" t="s">
        <v>13</v>
      </c>
      <c r="H135" s="11" t="s">
        <v>326</v>
      </c>
    </row>
    <row r="136" spans="1:8" ht="21.6" x14ac:dyDescent="0.3">
      <c r="A136" s="1">
        <v>1425</v>
      </c>
      <c r="B136" s="11" t="s">
        <v>327</v>
      </c>
      <c r="C136" s="11" t="s">
        <v>328</v>
      </c>
      <c r="D136" s="12" t="s">
        <v>329</v>
      </c>
      <c r="E136" s="13"/>
      <c r="F136" s="13"/>
      <c r="G136" s="13" t="s">
        <v>13</v>
      </c>
      <c r="H136" s="12" t="s">
        <v>330</v>
      </c>
    </row>
    <row r="137" spans="1:8" ht="10.8" x14ac:dyDescent="0.3">
      <c r="A137" s="1">
        <v>1435</v>
      </c>
      <c r="B137" s="11" t="s">
        <v>331</v>
      </c>
      <c r="C137" s="11" t="s">
        <v>332</v>
      </c>
      <c r="D137" s="12" t="s">
        <v>122</v>
      </c>
      <c r="E137" s="13" t="s">
        <v>13</v>
      </c>
      <c r="F137" s="13"/>
      <c r="G137" s="13"/>
      <c r="H137" s="12"/>
    </row>
    <row r="138" spans="1:8" ht="10.8" x14ac:dyDescent="0.3">
      <c r="A138" s="1">
        <v>1440</v>
      </c>
      <c r="B138" s="11" t="s">
        <v>333</v>
      </c>
      <c r="C138" s="11" t="s">
        <v>183</v>
      </c>
      <c r="D138" s="12" t="s">
        <v>122</v>
      </c>
      <c r="E138" s="13" t="s">
        <v>13</v>
      </c>
      <c r="F138" s="13"/>
      <c r="G138" s="13"/>
      <c r="H138" s="12" t="s">
        <v>123</v>
      </c>
    </row>
    <row r="139" spans="1:8" ht="10.8" x14ac:dyDescent="0.3">
      <c r="A139" s="1">
        <v>1445</v>
      </c>
      <c r="B139" s="11" t="s">
        <v>334</v>
      </c>
      <c r="C139" s="11" t="s">
        <v>335</v>
      </c>
      <c r="D139" s="12" t="s">
        <v>20</v>
      </c>
      <c r="E139" s="13"/>
      <c r="F139" s="13"/>
      <c r="G139" s="13" t="s">
        <v>13</v>
      </c>
      <c r="H139" s="12" t="s">
        <v>336</v>
      </c>
    </row>
    <row r="140" spans="1:8" ht="10.8" x14ac:dyDescent="0.3">
      <c r="A140" s="1">
        <v>1445</v>
      </c>
      <c r="B140" s="11" t="s">
        <v>337</v>
      </c>
      <c r="C140" s="11" t="s">
        <v>338</v>
      </c>
      <c r="D140" s="12" t="s">
        <v>29</v>
      </c>
      <c r="E140" s="13" t="s">
        <v>13</v>
      </c>
      <c r="F140" s="13"/>
      <c r="G140" s="13"/>
      <c r="H140" s="12" t="s">
        <v>47</v>
      </c>
    </row>
    <row r="141" spans="1:8" ht="10.8" x14ac:dyDescent="0.3">
      <c r="A141" s="1">
        <v>1445</v>
      </c>
      <c r="B141" s="11" t="s">
        <v>334</v>
      </c>
      <c r="C141" s="11" t="s">
        <v>339</v>
      </c>
      <c r="D141" s="12" t="s">
        <v>155</v>
      </c>
      <c r="E141" s="13" t="s">
        <v>13</v>
      </c>
      <c r="F141" s="13"/>
      <c r="G141" s="13"/>
      <c r="H141" s="12"/>
    </row>
    <row r="142" spans="1:8" ht="10.8" x14ac:dyDescent="0.3">
      <c r="A142" s="1">
        <v>1702</v>
      </c>
      <c r="B142" s="11" t="s">
        <v>340</v>
      </c>
      <c r="C142" s="11" t="s">
        <v>56</v>
      </c>
      <c r="D142" s="12" t="s">
        <v>155</v>
      </c>
      <c r="E142" s="13" t="s">
        <v>13</v>
      </c>
      <c r="F142" s="13"/>
      <c r="G142" s="13"/>
      <c r="H142" s="12"/>
    </row>
    <row r="143" spans="1:8" ht="10.8" x14ac:dyDescent="0.3">
      <c r="A143" s="1">
        <v>1455</v>
      </c>
      <c r="B143" s="11" t="s">
        <v>341</v>
      </c>
      <c r="C143" s="11" t="s">
        <v>342</v>
      </c>
      <c r="D143" s="12" t="s">
        <v>181</v>
      </c>
      <c r="E143" s="13"/>
      <c r="F143" s="13"/>
      <c r="G143" s="13" t="s">
        <v>13</v>
      </c>
      <c r="H143" s="12" t="s">
        <v>343</v>
      </c>
    </row>
    <row r="144" spans="1:8" ht="10.8" x14ac:dyDescent="0.3">
      <c r="A144" s="1">
        <v>1455</v>
      </c>
      <c r="B144" s="11" t="s">
        <v>341</v>
      </c>
      <c r="C144" s="11" t="s">
        <v>139</v>
      </c>
      <c r="D144" s="12" t="s">
        <v>155</v>
      </c>
      <c r="E144" s="13"/>
      <c r="F144" s="13"/>
      <c r="G144" s="13" t="s">
        <v>13</v>
      </c>
      <c r="H144" s="12" t="s">
        <v>344</v>
      </c>
    </row>
    <row r="145" spans="1:8" ht="10.8" x14ac:dyDescent="0.3">
      <c r="A145" s="1">
        <v>1470</v>
      </c>
      <c r="B145" s="11" t="s">
        <v>345</v>
      </c>
      <c r="C145" s="11" t="s">
        <v>346</v>
      </c>
      <c r="D145" s="12" t="s">
        <v>20</v>
      </c>
      <c r="E145" s="13"/>
      <c r="F145" s="13"/>
      <c r="G145" s="13" t="s">
        <v>13</v>
      </c>
      <c r="H145" s="12" t="s">
        <v>347</v>
      </c>
    </row>
    <row r="146" spans="1:8" ht="10.8" x14ac:dyDescent="0.3">
      <c r="A146" s="1">
        <v>1706</v>
      </c>
      <c r="B146" s="11" t="s">
        <v>348</v>
      </c>
      <c r="C146" s="11" t="s">
        <v>19</v>
      </c>
      <c r="D146" s="12" t="s">
        <v>122</v>
      </c>
      <c r="E146" s="13"/>
      <c r="F146" s="13"/>
      <c r="G146" s="13" t="s">
        <v>13</v>
      </c>
      <c r="H146" s="12" t="s">
        <v>349</v>
      </c>
    </row>
    <row r="147" spans="1:8" ht="10.8" x14ac:dyDescent="0.3">
      <c r="A147" s="1">
        <v>1710</v>
      </c>
      <c r="B147" s="11" t="s">
        <v>350</v>
      </c>
      <c r="C147" s="11" t="s">
        <v>185</v>
      </c>
      <c r="D147" s="12" t="s">
        <v>212</v>
      </c>
      <c r="E147" s="13"/>
      <c r="F147" s="13"/>
      <c r="G147" s="13" t="s">
        <v>13</v>
      </c>
      <c r="H147" s="12" t="s">
        <v>351</v>
      </c>
    </row>
    <row r="148" spans="1:8" ht="10.8" x14ac:dyDescent="0.3">
      <c r="A148" s="1">
        <v>1475</v>
      </c>
      <c r="B148" s="11" t="s">
        <v>352</v>
      </c>
      <c r="C148" s="11" t="s">
        <v>353</v>
      </c>
      <c r="D148" s="12" t="s">
        <v>122</v>
      </c>
      <c r="E148" s="13" t="s">
        <v>13</v>
      </c>
      <c r="F148" s="13"/>
      <c r="G148" s="13"/>
      <c r="H148" s="12"/>
    </row>
    <row r="149" spans="1:8" ht="10.8" x14ac:dyDescent="0.3">
      <c r="A149" s="1">
        <v>1475</v>
      </c>
      <c r="B149" s="11" t="s">
        <v>352</v>
      </c>
      <c r="C149" s="11" t="s">
        <v>354</v>
      </c>
      <c r="D149" s="12" t="s">
        <v>122</v>
      </c>
      <c r="E149" s="13"/>
      <c r="F149" s="13"/>
      <c r="G149" s="13" t="s">
        <v>13</v>
      </c>
      <c r="H149" s="12" t="s">
        <v>355</v>
      </c>
    </row>
    <row r="150" spans="1:8" ht="10.8" x14ac:dyDescent="0.3">
      <c r="A150" s="1">
        <v>1475</v>
      </c>
      <c r="B150" s="11" t="s">
        <v>352</v>
      </c>
      <c r="C150" s="11" t="s">
        <v>139</v>
      </c>
      <c r="D150" s="12" t="s">
        <v>155</v>
      </c>
      <c r="E150" s="13" t="s">
        <v>13</v>
      </c>
      <c r="F150" s="13"/>
      <c r="G150" s="13"/>
      <c r="H150" s="12"/>
    </row>
  </sheetData>
  <autoFilter ref="A6:H146" xr:uid="{00000000-0001-0000-0000-000000000000}"/>
  <mergeCells count="3">
    <mergeCell ref="B1:H1"/>
    <mergeCell ref="B3:H3"/>
    <mergeCell ref="B4:H4"/>
  </mergeCells>
  <phoneticPr fontId="2"/>
  <pageMargins left="0.39370078740157483" right="0.39370078740157483" top="0.59055118110236227" bottom="0.59055118110236227" header="0.31496062992125984" footer="0.31496062992125984"/>
  <pageSetup paperSize="9" scale="82" fitToHeight="0" orientation="portrait" r:id="rId1"/>
  <headerFooter>
    <oddFooter>&amp;L&amp;"ＭＳ Ｐゴシック,標準"&amp;P/&amp;N&amp;C&amp;G&amp;R&amp;"ＭＳ Ｐゴシック,標準"&amp;6©Kawaijuku Educational Institution.</oddFooter>
  </headerFooter>
  <legacyDrawingHF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7ac022e4-08da-4273-bd17-73664b39f124">
      <Terms xmlns="http://schemas.microsoft.com/office/infopath/2007/PartnerControls"/>
    </lcf76f155ced4ddcb4097134ff3c332f>
    <TaxCatchAll xmlns="9639b08b-8501-4ea9-9887-1d787b692e85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A233A06B0F7F4147936DC6E6A4B0B919" ma:contentTypeVersion="" ma:contentTypeDescription="新しいドキュメントを作成します。" ma:contentTypeScope="" ma:versionID="b47ce58911a165ddd9ed3e3fced12955">
  <xsd:schema xmlns:xsd="http://www.w3.org/2001/XMLSchema" xmlns:xs="http://www.w3.org/2001/XMLSchema" xmlns:p="http://schemas.microsoft.com/office/2006/metadata/properties" xmlns:ns2="7ac022e4-08da-4273-bd17-73664b39f124" xmlns:ns3="9639b08b-8501-4ea9-9887-1d787b692e85" targetNamespace="http://schemas.microsoft.com/office/2006/metadata/properties" ma:root="true" ma:fieldsID="150fc1d95bdab312a69131069d6bce02" ns2:_="" ns3:_="">
    <xsd:import namespace="7ac022e4-08da-4273-bd17-73664b39f124"/>
    <xsd:import namespace="9639b08b-8501-4ea9-9887-1d787b692e8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OCR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ac022e4-08da-4273-bd17-73664b39f124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lcf76f155ced4ddcb4097134ff3c332f" ma:index="13" nillable="true" ma:taxonomy="true" ma:internalName="lcf76f155ced4ddcb4097134ff3c332f" ma:taxonomyFieldName="MediaServiceImageTags" ma:displayName="画像タグ" ma:readOnly="false" ma:fieldId="{5cf76f15-5ced-4ddc-b409-7134ff3c332f}" ma:taxonomyMulti="true" ma:sspId="1b628be7-1df6-4269-a4c6-4889c303e58d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5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639b08b-8501-4ea9-9887-1d787b692e85" elementFormDefault="qualified">
    <xsd:import namespace="http://schemas.microsoft.com/office/2006/documentManagement/types"/>
    <xsd:import namespace="http://schemas.microsoft.com/office/infopath/2007/PartnerControls"/>
    <xsd:element name="TaxCatchAll" ma:index="14" nillable="true" ma:displayName="Taxonomy Catch All Column" ma:hidden="true" ma:list="{60230045-EC0A-4EE4-88D1-46B6E77AE709}" ma:internalName="TaxCatchAll" ma:showField="CatchAllData" ma:web="{883e32ea-4da5-4c30-b1ab-ac19797a0319}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69708B52-7C06-4D26-AAAD-519713D13A48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25A80397-F034-4100-B284-BB19FD186F48}">
  <ds:schemaRefs>
    <ds:schemaRef ds:uri="http://schemas.microsoft.com/office/2006/metadata/properties"/>
    <ds:schemaRef ds:uri="http://schemas.microsoft.com/office/infopath/2007/PartnerControls"/>
    <ds:schemaRef ds:uri="7ac022e4-08da-4273-bd17-73664b39f124"/>
    <ds:schemaRef ds:uri="9639b08b-8501-4ea9-9887-1d787b692e85"/>
  </ds:schemaRefs>
</ds:datastoreItem>
</file>

<file path=customXml/itemProps3.xml><?xml version="1.0" encoding="utf-8"?>
<ds:datastoreItem xmlns:ds="http://schemas.openxmlformats.org/officeDocument/2006/customXml" ds:itemID="{7C750C2B-13FC-4168-B2CC-2E2C7041EA5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ac022e4-08da-4273-bd17-73664b39f124"/>
    <ds:schemaRef ds:uri="9639b08b-8501-4ea9-9887-1d787b692e8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志望理由書の提出が必要な国公立大学</vt:lpstr>
      <vt:lpstr>志望理由書の提出が必要な国公立大学!Print_Area</vt:lpstr>
      <vt:lpstr>志望理由書の提出が必要な国公立大学!Print_Titles</vt:lpstr>
    </vt:vector>
  </TitlesOfParts>
  <Manager/>
  <Company>学校法人 河合塾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伊藤</dc:creator>
  <cp:keywords/>
  <dc:description/>
  <cp:lastModifiedBy>後藤　邦仁</cp:lastModifiedBy>
  <cp:revision/>
  <dcterms:created xsi:type="dcterms:W3CDTF">2022-10-28T00:18:03Z</dcterms:created>
  <dcterms:modified xsi:type="dcterms:W3CDTF">2024-12-23T05:49:05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ediaServiceImageTags">
    <vt:lpwstr/>
  </property>
  <property fmtid="{D5CDD505-2E9C-101B-9397-08002B2CF9AE}" pid="3" name="ContentTypeId">
    <vt:lpwstr>0x010100A233A06B0F7F4147936DC6E6A4B0B919</vt:lpwstr>
  </property>
</Properties>
</file>